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025"/>
  <workbookPr/>
  <mc:AlternateContent xmlns:mc="http://schemas.openxmlformats.org/markup-compatibility/2006">
    <mc:Choice Requires="x15">
      <x15ac:absPath xmlns:x15ac="http://schemas.microsoft.com/office/spreadsheetml/2010/11/ac" url="\\s04\VO_DOC\01. Súťaže\2024\02. Oddelenie VO\01. Prebiehajúce zákazky\04. Juraj\11 - 2024 - 260. (Príprava) Termodezinfektor\03. Príprava\04. PTK\01. Odoslanie PTK\"/>
    </mc:Choice>
  </mc:AlternateContent>
  <xr:revisionPtr revIDLastSave="0" documentId="13_ncr:1_{711495E8-7C70-48B7-A452-E2C30DE6F941}" xr6:coauthVersionLast="47" xr6:coauthVersionMax="47" xr10:uidLastSave="{00000000-0000-0000-0000-000000000000}"/>
  <bookViews>
    <workbookView xWindow="5820" yWindow="0" windowWidth="18570" windowHeight="15315" xr2:uid="{00000000-000D-0000-FFFF-FFFF00000000}"/>
  </bookViews>
  <sheets>
    <sheet name="Cenová ponuka" sheetId="8" r:id="rId1"/>
  </sheets>
  <definedNames>
    <definedName name="_xlnm.Print_Area" localSheetId="0">'Cenová ponuka'!$B$1:$F$15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47" uniqueCount="22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19.</t>
  </si>
  <si>
    <t>20.</t>
  </si>
  <si>
    <t>21.</t>
  </si>
  <si>
    <t>22.</t>
  </si>
  <si>
    <t>23.</t>
  </si>
  <si>
    <t>24.</t>
  </si>
  <si>
    <t>25.</t>
  </si>
  <si>
    <t>Kalkulácia ceny a návrh na plnenie kritéria na vyhodnotenie ponúk - Štruktúrovaný rozpočet ceny predmetu zákazky</t>
  </si>
  <si>
    <t>Termodezinfektor</t>
  </si>
  <si>
    <t>33191000-5   Sterilizačné, dezinfekčné a hygienické prístroje</t>
  </si>
  <si>
    <t>Položka č. 1 - Termodezinfektor</t>
  </si>
  <si>
    <t>26.</t>
  </si>
  <si>
    <t>27.</t>
  </si>
  <si>
    <t>28.</t>
  </si>
  <si>
    <t>29.</t>
  </si>
  <si>
    <t>30.</t>
  </si>
  <si>
    <t>31.</t>
  </si>
  <si>
    <t>32.</t>
  </si>
  <si>
    <t>33.</t>
  </si>
  <si>
    <t>34.</t>
  </si>
  <si>
    <t>35.</t>
  </si>
  <si>
    <t>36.</t>
  </si>
  <si>
    <t>37.</t>
  </si>
  <si>
    <t>Požaduje sa splnenie predmetu zákazky:</t>
  </si>
  <si>
    <t>2.1.</t>
  </si>
  <si>
    <t>2.2.</t>
  </si>
  <si>
    <t>2.3.</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5 pracovných dní vopred tak, aby Objednávateľ mohol poskynúť potrebnú súčinnosť pri dodaní,</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9.1.</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10.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Dodávateľ je povinný počas trvania záručnej doby odstrániť vady v nasledujúcich lehotách od nástupu na opravu:</t>
  </si>
  <si>
    <t>11.1.</t>
  </si>
  <si>
    <t>oprava vady, pri ktorej nie je potrebná dodávka náhradného dielu najneskôr do 48 hodín,</t>
  </si>
  <si>
    <t>11.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xxx</t>
  </si>
  <si>
    <t>Termodezinfektor.</t>
  </si>
  <si>
    <t>Požaduje sa uzatvorenie kúpnej zmluvy.</t>
  </si>
  <si>
    <t>do 30 kalendárnych dní odo dňa nadobudnutia účinnosti zmluvy,</t>
  </si>
  <si>
    <t>v pracovných dňoch v čase od 07:00 hod. do 14:30 hod.,</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8.1.</t>
  </si>
  <si>
    <t>8.2.</t>
  </si>
  <si>
    <t>8.3.</t>
  </si>
  <si>
    <t>8.4.</t>
  </si>
  <si>
    <t>8.5.</t>
  </si>
  <si>
    <t>8.6.</t>
  </si>
  <si>
    <t>8.7.</t>
  </si>
  <si>
    <t>8.8.</t>
  </si>
  <si>
    <t>8.9.</t>
  </si>
  <si>
    <t>8.10.</t>
  </si>
  <si>
    <t>technická telefonická podpora a poradenstvo pri prevádzkovaní prístroja prostredníctvom klientského pracoviska Dodávateľa v pracovných dňoch, pričom Dodávateľ musí garantovať funkčnosť a prevádzku klientskeho pracoviska.</t>
  </si>
  <si>
    <t>10.2.</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t>
    </r>
  </si>
  <si>
    <r>
      <t>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Dezinfekčný a umývací automat - prekladacia dvojdverová verzia</t>
  </si>
  <si>
    <t>Min. kapacita: 12 DIN 1/1 sít</t>
  </si>
  <si>
    <t>Vonkajšie rozmery prístroja: max. (š) 695 x (h) 700 x (v) 1970 mm. (Rozmery sú určené na základe maximálneho možného stavebného priestoru/otvoru.)</t>
  </si>
  <si>
    <t>Nakladacia výška: mini. 770 mm a max. 820 mm</t>
  </si>
  <si>
    <t>Využiteľný-efektívny objem komory: min. 225 litrov</t>
  </si>
  <si>
    <t>Celkový objem komory: min.  295 litrov</t>
  </si>
  <si>
    <t>Rozmery komory: min. (š) 550 x (h) 615 x (v) 660 mm</t>
  </si>
  <si>
    <t>Materiál komory a plášťa prístroja:  nerez v kvalite EN 1.4404/ASTM 316L</t>
  </si>
  <si>
    <t>Otváranie oboch presklených dvierok - vyklápací systém s integrovanými vodiacimi koľajnicami slúžiace zároveň ako navážacia platforma.</t>
  </si>
  <si>
    <t>Plne automatická prevádzka s dotykovou ovládacou obrazovkou s uhlopriečkou min. 7".</t>
  </si>
  <si>
    <t>Prehľadný farebný dotykový displej s ponukou výberu programov (min. 18 preddefinovaných programov vrátane programu pre robotické nástroje).</t>
  </si>
  <si>
    <t>Všetky preddefinované programy musia byť v súlade s prijatou smernicou EN/ISO 15883-5.</t>
  </si>
  <si>
    <t>Dávkovanie chemikálii musí byť v súlade smernicou EN/ISO 15883-6.</t>
  </si>
  <si>
    <t xml:space="preserve">Kapacita pamäte: min. na 80 programovateľných miest. </t>
  </si>
  <si>
    <t>Prístroj musí mať sieťové pripojenie pre ukladanie dát procesov na cloudové úložisko.</t>
  </si>
  <si>
    <t>Zobrazenie priebehu procesu priamo na displeji prístroja a možnosť prenosu údajov do centralizovaného systému sledovania procesov - integrované elektronické rozhranie pre prepojenie do informačných systémov.</t>
  </si>
  <si>
    <t>Jasná farebná identifikácia ukončenia procesu/alarmov/kritických stavov. Farebná identifikácia musí mať farebné odlíšenie inými farbami jednotlivých stavov hlásení.
Napr. kritický stav/porucha - červenou, stav ukončenia bez závad - zelenou a podobne.</t>
  </si>
  <si>
    <t>Akustické hlásenia jednotlivých stavov prístroja s odlišným akustickým prejavom.</t>
  </si>
  <si>
    <t>Automatická notifikácia zníženého stavu chemikálii v kontajneroch.</t>
  </si>
  <si>
    <t>Integrovaná tlačiareň min. 50 mm.</t>
  </si>
  <si>
    <t>Zariadenie musí mať dvojčerpadlový cirkulačný systém pre efektívnu a nízkonákladovú prevádzku ako z pohľadu šetrenia energie tak aj vody.</t>
  </si>
  <si>
    <t>Výkon cirkulačného čerpadla pre umývací vozík: min. 600 L/min.</t>
  </si>
  <si>
    <t>Min. 3 nastaviteľné rýchlosti čerpadla podľa výberu programu procesu.</t>
  </si>
  <si>
    <r>
      <t xml:space="preserve">Monitorovací a dávkovací </t>
    </r>
    <r>
      <rPr>
        <sz val="11"/>
        <color theme="1"/>
        <rFont val="Calibri"/>
        <family val="2"/>
        <scheme val="minor"/>
      </rPr>
      <t>inteligentný s</t>
    </r>
    <r>
      <rPr>
        <sz val="11"/>
        <color rgb="FF000000"/>
        <rFont val="Calibri"/>
        <family val="2"/>
        <scheme val="minor"/>
      </rPr>
      <t>ystém využitia vody prispôsobujúci dávkovanie vody podľa navážky a prispôsobujúci dávkovanie chemikálii spotrebe vody</t>
    </r>
    <r>
      <rPr>
        <sz val="10"/>
        <rFont val="Arial"/>
        <family val="2"/>
        <charset val="238"/>
      </rPr>
      <t>.</t>
    </r>
  </si>
  <si>
    <t>Inteligentné dávkovanie chemikálii podľa monitorovania množstva vody musí byť integrované do prístroja. Prístroj musí mať min. 3 dávkovacie jednotky s prietokomermi a musí vyhodnotiť a ukladať údaje o spotrebe do pamäte.</t>
  </si>
  <si>
    <r>
      <t>Integrovaný výmenník tepla pre predohrev slúžiaci okrem zníženia e</t>
    </r>
    <r>
      <rPr>
        <sz val="11"/>
        <color theme="1"/>
        <rFont val="Calibri"/>
        <family val="2"/>
        <scheme val="minor"/>
      </rPr>
      <t>ner</t>
    </r>
    <r>
      <rPr>
        <sz val="11"/>
        <color rgb="FF000000"/>
        <rFont val="Calibri"/>
        <family val="2"/>
        <scheme val="minor"/>
      </rPr>
      <t>getických nárokov aj na urýchlenie procesu ohrevu</t>
    </r>
    <r>
      <rPr>
        <sz val="10"/>
        <rFont val="Arial"/>
        <family val="2"/>
        <charset val="238"/>
      </rPr>
      <t>.</t>
    </r>
  </si>
  <si>
    <r>
      <t>Integrovaný systém duálneho ohrevu (dve ohrievacie telesá) pre rýchly ohrev</t>
    </r>
    <r>
      <rPr>
        <sz val="11"/>
        <rFont val="Calibri"/>
        <family val="2"/>
        <charset val="238"/>
        <scheme val="minor"/>
      </rPr>
      <t>,</t>
    </r>
    <r>
      <rPr>
        <sz val="11"/>
        <color rgb="FF000000"/>
        <rFont val="Calibri"/>
        <family val="2"/>
        <scheme val="minor"/>
      </rPr>
      <t xml:space="preserve"> celkový čas ohrevu max. 52 min.</t>
    </r>
  </si>
  <si>
    <t>Max. spotreba vody na cyklus: 28 litrov.</t>
  </si>
  <si>
    <t>Spotreba energie maximálne 7 kWh.</t>
  </si>
  <si>
    <t>Hlučnosť prístroja (v ktoromkoľvek procese mytia alebo sušenia) - maximálne 70 dB</t>
  </si>
  <si>
    <t>Integrovaný systém dávkovania chemikálii s priestorom pre minimálne 4 kontajnery v objeme 5L pre rôzne typy chemikálií.</t>
  </si>
  <si>
    <t>Integrovaný systém vysoko efektívneho sušenia.</t>
  </si>
  <si>
    <t>Konštrukčné prevedenie v triede odolnosti: min. IP21</t>
  </si>
  <si>
    <t>Rozhrania pre spracovanie procesov: 1x sieťové</t>
  </si>
  <si>
    <t>Vyžaduje sa nutná kompatibilita s Da Vinci Xi nástrojmi + Xi Endoskopmi + Programami umývania.</t>
  </si>
  <si>
    <t xml:space="preserve">Súčasťou dodania: </t>
  </si>
  <si>
    <t>36.1</t>
  </si>
  <si>
    <t>1 ks štandardný 6 úrovňový umývací vozík pre 12 košov</t>
  </si>
  <si>
    <t>36.2</t>
  </si>
  <si>
    <t>2 ks navážacích vozíkov</t>
  </si>
  <si>
    <t>Požiadavky na pripojenie a SW pre monitorovanie činnosti sterilizátorov:</t>
  </si>
  <si>
    <t>37.1</t>
  </si>
  <si>
    <t>On-line monitorovanie sterilizačných a umývacích procesov na PC.</t>
  </si>
  <si>
    <t>37.2</t>
  </si>
  <si>
    <t>Okamžité hlásenie chyby procesu na pripojenom PC.</t>
  </si>
  <si>
    <t>37.3</t>
  </si>
  <si>
    <t>Automatické vytvorenie protokolu po schválení procesu a uložení protokolu procesu do SQL databázy s možnosťou vyhľadávania v databázi podľa zvolených parametrov.</t>
  </si>
  <si>
    <t>37.4</t>
  </si>
  <si>
    <t>Zabezpečená internetová komunikácia https.</t>
  </si>
  <si>
    <t>37.5</t>
  </si>
  <si>
    <t>Webová aplikácia pre prihlásenie servisu i užívateľa z ľubovoľného PC s internetovým pripojením (okrem LAN v mieste inštalácie) aj mobilného telefónu, s on-line prístupom k aktuálnemu stavu prístrojov, archívu procesov vrátane podrobných prevádzkových parametrov prístrojov.</t>
  </si>
  <si>
    <t>37.6</t>
  </si>
  <si>
    <t>Možnosť automatického odoslania SMS správy alebo emailu o chybových stavoch na vybraných zástupcov užívateľa a servisu.</t>
  </si>
  <si>
    <t>37.7</t>
  </si>
  <si>
    <t>Prednastavené štatistiky o prevádzke prístrojov, chybových stavoch atď.</t>
  </si>
  <si>
    <t>37.8</t>
  </si>
  <si>
    <t>Možnosť exportu vybraných dát do externých IT systémov užívateľ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1"/>
      <color theme="1"/>
      <name val="Calibri"/>
      <family val="2"/>
      <scheme val="minor"/>
    </font>
    <font>
      <sz val="11"/>
      <color rgb="FF000000"/>
      <name val="Calibri"/>
      <family val="2"/>
      <scheme val="minor"/>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bgColor indexed="64"/>
      </patternFill>
    </fill>
  </fills>
  <borders count="4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medium">
        <color indexed="64"/>
      </bottom>
      <diagonal/>
    </border>
    <border>
      <left style="medium">
        <color auto="1"/>
      </left>
      <right style="thin">
        <color auto="1"/>
      </right>
      <top style="dotted">
        <color auto="1"/>
      </top>
      <bottom style="dotted">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medium">
        <color indexed="64"/>
      </left>
      <right style="thin">
        <color auto="1"/>
      </right>
      <top style="medium">
        <color indexed="64"/>
      </top>
      <bottom/>
      <diagonal/>
    </border>
    <border>
      <left style="thin">
        <color auto="1"/>
      </left>
      <right style="thin">
        <color auto="1"/>
      </right>
      <top style="medium">
        <color auto="1"/>
      </top>
      <bottom/>
      <diagonal/>
    </border>
    <border>
      <left style="thin">
        <color auto="1"/>
      </left>
      <right style="medium">
        <color auto="1"/>
      </right>
      <top style="medium">
        <color auto="1"/>
      </top>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style="thin">
        <color auto="1"/>
      </left>
      <right style="medium">
        <color indexed="64"/>
      </right>
      <top/>
      <bottom style="dotted">
        <color auto="1"/>
      </bottom>
      <diagonal/>
    </border>
    <border>
      <left style="thin">
        <color auto="1"/>
      </left>
      <right style="thin">
        <color auto="1"/>
      </right>
      <top/>
      <bottom/>
      <diagonal/>
    </border>
    <border>
      <left style="thin">
        <color auto="1"/>
      </left>
      <right/>
      <top style="medium">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10" xfId="0" applyFont="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Alignment="1">
      <alignment vertical="center" wrapText="1"/>
    </xf>
    <xf numFmtId="49" fontId="2" fillId="0" borderId="0" xfId="0" applyNumberFormat="1" applyFont="1" applyAlignment="1">
      <alignment vertical="top" wrapText="1"/>
    </xf>
    <xf numFmtId="0" fontId="7" fillId="0" borderId="0" xfId="0" applyFont="1" applyAlignment="1">
      <alignment horizontal="right" wrapText="1"/>
    </xf>
    <xf numFmtId="0" fontId="7" fillId="0" borderId="0" xfId="0" applyFont="1" applyAlignment="1">
      <alignment wrapText="1"/>
    </xf>
    <xf numFmtId="0" fontId="7" fillId="0" borderId="0" xfId="0" applyFont="1" applyAlignment="1">
      <alignment horizontal="right"/>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Font="1" applyFill="1" applyBorder="1" applyAlignment="1">
      <alignment horizontal="left" vertical="center" wrapText="1"/>
    </xf>
    <xf numFmtId="0" fontId="7" fillId="2" borderId="10" xfId="0" applyFont="1" applyFill="1" applyBorder="1" applyAlignment="1">
      <alignment horizontal="left" vertical="center" wrapText="1"/>
    </xf>
    <xf numFmtId="0" fontId="2" fillId="0" borderId="10" xfId="0" applyFont="1" applyBorder="1" applyAlignment="1">
      <alignment vertical="center" wrapText="1"/>
    </xf>
    <xf numFmtId="0" fontId="13" fillId="0" borderId="10" xfId="0" applyFont="1" applyBorder="1" applyAlignment="1">
      <alignment horizontal="center" vertical="center" wrapText="1"/>
    </xf>
    <xf numFmtId="16" fontId="5" fillId="0" borderId="0" xfId="0" applyNumberFormat="1" applyFont="1" applyAlignment="1">
      <alignment horizontal="left" vertical="top" wrapText="1"/>
    </xf>
    <xf numFmtId="49" fontId="2" fillId="0" borderId="8" xfId="0" applyNumberFormat="1" applyFont="1" applyBorder="1" applyAlignment="1">
      <alignment horizontal="center" vertical="center" wrapText="1"/>
    </xf>
    <xf numFmtId="0" fontId="2" fillId="0" borderId="20" xfId="0" applyFont="1" applyBorder="1" applyAlignment="1">
      <alignment horizontal="center" vertical="center" wrapText="1"/>
    </xf>
    <xf numFmtId="49" fontId="2" fillId="0" borderId="22" xfId="0" applyNumberFormat="1" applyFont="1" applyBorder="1" applyAlignment="1">
      <alignment horizontal="center" vertical="center" wrapText="1"/>
    </xf>
    <xf numFmtId="0" fontId="7" fillId="0" borderId="23" xfId="0" applyFont="1" applyBorder="1" applyAlignment="1">
      <alignment horizontal="center" vertical="center" wrapText="1"/>
    </xf>
    <xf numFmtId="49" fontId="2" fillId="0" borderId="11" xfId="0" applyNumberFormat="1" applyFont="1" applyBorder="1" applyAlignment="1">
      <alignment horizontal="center" vertical="center" wrapText="1"/>
    </xf>
    <xf numFmtId="0" fontId="7" fillId="0" borderId="20" xfId="0" applyFont="1" applyBorder="1" applyAlignment="1">
      <alignment horizontal="center" vertical="center" wrapText="1"/>
    </xf>
    <xf numFmtId="0" fontId="3" fillId="0" borderId="20" xfId="0" applyFont="1" applyBorder="1" applyAlignment="1">
      <alignment horizontal="left" vertical="center" wrapText="1"/>
    </xf>
    <xf numFmtId="49" fontId="2" fillId="0" borderId="8" xfId="0" applyNumberFormat="1" applyFont="1" applyBorder="1" applyAlignment="1">
      <alignment horizontal="left" vertical="center"/>
    </xf>
    <xf numFmtId="0" fontId="4" fillId="0" borderId="5" xfId="0" applyFont="1" applyBorder="1" applyAlignment="1">
      <alignment vertical="center" wrapText="1"/>
    </xf>
    <xf numFmtId="0" fontId="4" fillId="6" borderId="5" xfId="0" applyFont="1" applyFill="1" applyBorder="1" applyAlignment="1">
      <alignment vertical="center" wrapText="1"/>
    </xf>
    <xf numFmtId="49" fontId="2" fillId="6" borderId="26" xfId="0" applyNumberFormat="1" applyFont="1" applyFill="1" applyBorder="1" applyAlignment="1">
      <alignment horizontal="right" vertical="center" wrapText="1"/>
    </xf>
    <xf numFmtId="0" fontId="4" fillId="6" borderId="27" xfId="0" applyFont="1" applyFill="1" applyBorder="1" applyAlignment="1">
      <alignment vertical="center" wrapText="1"/>
    </xf>
    <xf numFmtId="0" fontId="4" fillId="6" borderId="28" xfId="0" applyFont="1" applyFill="1" applyBorder="1" applyAlignment="1">
      <alignment vertical="center" wrapText="1"/>
    </xf>
    <xf numFmtId="49" fontId="2" fillId="6" borderId="29" xfId="0" applyNumberFormat="1" applyFont="1" applyFill="1" applyBorder="1" applyAlignment="1">
      <alignment horizontal="right" vertical="center" wrapText="1"/>
    </xf>
    <xf numFmtId="0" fontId="4" fillId="6" borderId="30" xfId="0" applyFont="1" applyFill="1" applyBorder="1" applyAlignment="1">
      <alignment vertical="center" wrapText="1"/>
    </xf>
    <xf numFmtId="49" fontId="2" fillId="0" borderId="31" xfId="0" applyNumberFormat="1" applyFont="1" applyBorder="1" applyAlignment="1">
      <alignment horizontal="center" vertical="center" wrapText="1"/>
    </xf>
    <xf numFmtId="49" fontId="2" fillId="0" borderId="26" xfId="0" applyNumberFormat="1" applyFont="1" applyBorder="1" applyAlignment="1">
      <alignment horizontal="right" vertical="center" wrapText="1"/>
    </xf>
    <xf numFmtId="49" fontId="2" fillId="0" borderId="32" xfId="0" applyNumberFormat="1" applyFont="1" applyBorder="1" applyAlignment="1">
      <alignment horizontal="center" vertical="center" wrapText="1"/>
    </xf>
    <xf numFmtId="49" fontId="2" fillId="6" borderId="32" xfId="0" applyNumberFormat="1" applyFont="1" applyFill="1" applyBorder="1" applyAlignment="1">
      <alignment horizontal="center" vertical="center" wrapText="1"/>
    </xf>
    <xf numFmtId="0" fontId="2" fillId="0" borderId="33" xfId="0" applyFont="1" applyBorder="1" applyAlignment="1">
      <alignment horizontal="center" vertical="center" wrapText="1"/>
    </xf>
    <xf numFmtId="0" fontId="2" fillId="0" borderId="35" xfId="0" applyFont="1" applyBorder="1" applyAlignment="1">
      <alignment horizontal="center" vertical="center" wrapText="1"/>
    </xf>
    <xf numFmtId="0" fontId="2" fillId="0" borderId="37" xfId="0" applyFont="1" applyBorder="1" applyAlignment="1">
      <alignment horizontal="center" vertical="center" wrapText="1"/>
    </xf>
    <xf numFmtId="0" fontId="4" fillId="6" borderId="25" xfId="0" applyFont="1" applyFill="1" applyBorder="1" applyAlignment="1">
      <alignment vertical="center" wrapText="1"/>
    </xf>
    <xf numFmtId="0" fontId="4" fillId="6" borderId="33" xfId="0" applyFont="1" applyFill="1" applyBorder="1" applyAlignment="1">
      <alignment vertical="center" wrapText="1"/>
    </xf>
    <xf numFmtId="0" fontId="4" fillId="6" borderId="35" xfId="0" applyFont="1" applyFill="1" applyBorder="1" applyAlignment="1">
      <alignment vertical="center" wrapText="1"/>
    </xf>
    <xf numFmtId="49" fontId="2" fillId="0" borderId="29" xfId="0" applyNumberFormat="1" applyFont="1" applyBorder="1" applyAlignment="1">
      <alignment horizontal="right" vertical="center" wrapText="1"/>
    </xf>
    <xf numFmtId="0" fontId="4" fillId="6" borderId="37" xfId="0" applyFont="1" applyFill="1" applyBorder="1" applyAlignment="1">
      <alignment vertical="center" wrapText="1"/>
    </xf>
    <xf numFmtId="49" fontId="2" fillId="0" borderId="22" xfId="0" applyNumberFormat="1" applyFont="1" applyBorder="1" applyAlignment="1">
      <alignment horizontal="left" vertical="center"/>
    </xf>
    <xf numFmtId="0" fontId="2" fillId="0" borderId="23" xfId="0" applyFont="1" applyBorder="1" applyAlignment="1">
      <alignment horizontal="center" vertical="center" wrapText="1"/>
    </xf>
    <xf numFmtId="49" fontId="2" fillId="0" borderId="42" xfId="0" applyNumberFormat="1" applyFont="1" applyBorder="1" applyAlignment="1">
      <alignment horizontal="right" vertical="center" wrapText="1"/>
    </xf>
    <xf numFmtId="0" fontId="4" fillId="6" borderId="43" xfId="0" applyFont="1" applyFill="1" applyBorder="1" applyAlignment="1">
      <alignment vertical="center" wrapText="1"/>
    </xf>
    <xf numFmtId="0" fontId="2" fillId="0" borderId="43" xfId="0" applyFont="1" applyBorder="1" applyAlignment="1">
      <alignment horizontal="center" vertical="center" wrapText="1"/>
    </xf>
    <xf numFmtId="0" fontId="2" fillId="0" borderId="45" xfId="0" applyFont="1" applyBorder="1" applyAlignment="1">
      <alignment horizontal="left" vertical="center" wrapText="1"/>
    </xf>
    <xf numFmtId="0" fontId="2" fillId="0" borderId="37" xfId="0" applyFont="1" applyBorder="1" applyAlignment="1">
      <alignment horizontal="left" vertical="center" wrapText="1"/>
    </xf>
    <xf numFmtId="0" fontId="2" fillId="0" borderId="38" xfId="0" applyFont="1" applyBorder="1" applyAlignment="1">
      <alignment horizontal="left" vertical="center" wrapText="1"/>
    </xf>
    <xf numFmtId="0" fontId="2" fillId="0" borderId="10" xfId="0" applyFont="1" applyBorder="1" applyAlignment="1">
      <alignment horizontal="left" vertical="center" wrapText="1"/>
    </xf>
    <xf numFmtId="0" fontId="2" fillId="0" borderId="9" xfId="0" applyFont="1" applyBorder="1" applyAlignment="1">
      <alignment horizontal="left" vertical="center" wrapText="1"/>
    </xf>
    <xf numFmtId="0" fontId="2" fillId="0" borderId="20" xfId="0" applyFont="1" applyBorder="1" applyAlignment="1">
      <alignment horizontal="left" vertical="center" wrapText="1"/>
    </xf>
    <xf numFmtId="0" fontId="2" fillId="0" borderId="21" xfId="0" applyFont="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0" xfId="0" applyFont="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Alignment="1">
      <alignment horizontal="left" vertical="top" wrapText="1"/>
    </xf>
    <xf numFmtId="0" fontId="4" fillId="0" borderId="0" xfId="0" applyFont="1" applyAlignment="1">
      <alignment horizontal="left" vertical="top" wrapText="1"/>
    </xf>
    <xf numFmtId="16" fontId="5" fillId="0" borderId="0" xfId="0" applyNumberFormat="1" applyFont="1" applyAlignment="1">
      <alignment horizontal="left" vertical="top" wrapText="1"/>
    </xf>
    <xf numFmtId="49" fontId="3" fillId="0" borderId="0" xfId="0" applyNumberFormat="1" applyFont="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Alignment="1">
      <alignment horizontal="left" vertical="center" wrapText="1"/>
    </xf>
    <xf numFmtId="0" fontId="8" fillId="0" borderId="0" xfId="0" applyFont="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0" xfId="0" applyFont="1" applyAlignment="1">
      <alignment horizontal="left"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5" fillId="5" borderId="39" xfId="0" applyNumberFormat="1" applyFont="1" applyFill="1" applyBorder="1" applyAlignment="1">
      <alignment horizontal="left" vertical="center" wrapText="1"/>
    </xf>
    <xf numFmtId="49" fontId="5" fillId="5" borderId="40" xfId="0" applyNumberFormat="1" applyFont="1" applyFill="1" applyBorder="1" applyAlignment="1">
      <alignment horizontal="left" vertical="center" wrapText="1"/>
    </xf>
    <xf numFmtId="49" fontId="5" fillId="5" borderId="41" xfId="0" applyNumberFormat="1" applyFont="1" applyFill="1" applyBorder="1" applyAlignment="1">
      <alignment horizontal="left" vertical="center" wrapText="1"/>
    </xf>
    <xf numFmtId="49" fontId="2" fillId="0" borderId="23" xfId="0" applyNumberFormat="1" applyFont="1" applyBorder="1" applyAlignment="1">
      <alignment horizontal="left" vertical="center" wrapText="1"/>
    </xf>
    <xf numFmtId="49" fontId="2" fillId="0" borderId="24"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0" xfId="5" applyFont="1" applyAlignment="1">
      <alignment horizontal="center" vertical="top" wrapText="1"/>
    </xf>
    <xf numFmtId="49" fontId="4" fillId="0" borderId="0" xfId="1" applyNumberFormat="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4" fillId="0" borderId="0" xfId="0" applyNumberFormat="1" applyFont="1" applyAlignment="1">
      <alignment horizontal="left"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Border="1" applyAlignment="1">
      <alignment horizontal="left" vertical="center" wrapText="1"/>
    </xf>
    <xf numFmtId="0" fontId="2" fillId="0" borderId="24" xfId="0" applyFont="1" applyBorder="1" applyAlignment="1">
      <alignment horizontal="left" vertical="center" wrapText="1"/>
    </xf>
    <xf numFmtId="0" fontId="2" fillId="0" borderId="35" xfId="0" applyFont="1" applyBorder="1" applyAlignment="1">
      <alignment horizontal="left" vertical="center" wrapText="1"/>
    </xf>
    <xf numFmtId="0" fontId="2" fillId="0" borderId="36" xfId="0" applyFont="1" applyBorder="1" applyAlignment="1">
      <alignment horizontal="left" vertical="center" wrapText="1"/>
    </xf>
    <xf numFmtId="0" fontId="2" fillId="0" borderId="43" xfId="0" applyFont="1" applyBorder="1" applyAlignment="1">
      <alignment horizontal="left" vertical="center" wrapText="1"/>
    </xf>
    <xf numFmtId="0" fontId="2" fillId="0" borderId="44" xfId="0" applyFont="1" applyBorder="1" applyAlignment="1">
      <alignment horizontal="left" vertical="center" wrapText="1"/>
    </xf>
    <xf numFmtId="0" fontId="2" fillId="0" borderId="33" xfId="0" applyFont="1" applyBorder="1" applyAlignment="1">
      <alignment horizontal="left" vertical="center" wrapText="1"/>
    </xf>
    <xf numFmtId="0" fontId="2" fillId="0" borderId="34" xfId="0" applyFont="1" applyBorder="1" applyAlignment="1">
      <alignment horizontal="left" vertical="center" wrapText="1"/>
    </xf>
    <xf numFmtId="0" fontId="2" fillId="0" borderId="33" xfId="0" applyFont="1" applyBorder="1" applyAlignment="1">
      <alignment horizontal="center" vertical="center" wrapText="1"/>
    </xf>
    <xf numFmtId="0" fontId="2" fillId="0" borderId="34" xfId="0" applyFont="1" applyBorder="1" applyAlignment="1">
      <alignment horizontal="center" vertical="center" wrapText="1"/>
    </xf>
    <xf numFmtId="49" fontId="4" fillId="0" borderId="5" xfId="0" applyNumberFormat="1" applyFont="1" applyBorder="1" applyAlignment="1">
      <alignment vertical="center" wrapText="1"/>
    </xf>
    <xf numFmtId="49" fontId="4" fillId="0" borderId="46" xfId="0" applyNumberFormat="1" applyFont="1" applyBorder="1" applyAlignment="1">
      <alignment vertical="center" wrapText="1"/>
    </xf>
    <xf numFmtId="49" fontId="2" fillId="0" borderId="11" xfId="0" applyNumberFormat="1" applyFont="1" applyBorder="1" applyAlignment="1">
      <alignment horizontal="left" vertical="center"/>
    </xf>
    <xf numFmtId="49" fontId="4" fillId="0" borderId="25" xfId="0" applyNumberFormat="1" applyFont="1" applyBorder="1" applyAlignment="1">
      <alignmen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cellXfs>
  <cellStyles count="6">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sheetPr>
  <dimension ref="B1:G172"/>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21" t="s">
        <v>49</v>
      </c>
      <c r="C1" s="121"/>
      <c r="D1" s="121"/>
      <c r="E1" s="121"/>
      <c r="F1" s="121"/>
    </row>
    <row r="2" spans="2:6" ht="27.75" customHeight="1" x14ac:dyDescent="0.2">
      <c r="B2" s="120" t="s">
        <v>47</v>
      </c>
      <c r="C2" s="120"/>
      <c r="D2" s="120"/>
      <c r="E2" s="120"/>
      <c r="F2" s="120"/>
    </row>
    <row r="3" spans="2:6" ht="54.75" customHeight="1" x14ac:dyDescent="0.2">
      <c r="B3" s="83" t="s">
        <v>53</v>
      </c>
      <c r="C3" s="83"/>
      <c r="D3" s="83"/>
      <c r="E3" s="83"/>
      <c r="F3" s="83"/>
    </row>
    <row r="4" spans="2:6" ht="24.95" customHeight="1" x14ac:dyDescent="0.2">
      <c r="B4" s="36" t="s">
        <v>52</v>
      </c>
      <c r="C4" s="37"/>
      <c r="D4" s="6"/>
      <c r="E4" s="6"/>
      <c r="F4" s="6"/>
    </row>
    <row r="5" spans="2:6" ht="24.95" customHeight="1" x14ac:dyDescent="0.2">
      <c r="B5" s="36" t="s">
        <v>50</v>
      </c>
      <c r="C5" s="38"/>
      <c r="D5" s="6"/>
      <c r="E5" s="6"/>
      <c r="F5" s="6"/>
    </row>
    <row r="6" spans="2:6" ht="5.0999999999999996" customHeight="1" x14ac:dyDescent="0.2">
      <c r="B6" s="6"/>
      <c r="C6" s="6"/>
      <c r="D6" s="6"/>
      <c r="E6" s="6"/>
      <c r="F6" s="6"/>
    </row>
    <row r="7" spans="2:6" s="2" customFormat="1" ht="20.100000000000001" customHeight="1" x14ac:dyDescent="0.25">
      <c r="B7" s="84" t="s">
        <v>5</v>
      </c>
      <c r="C7" s="84"/>
      <c r="D7" s="84"/>
      <c r="E7" s="84"/>
      <c r="F7" s="84"/>
    </row>
    <row r="8" spans="2:6" s="2" customFormat="1" ht="20.100000000000001" customHeight="1" x14ac:dyDescent="0.25">
      <c r="B8" s="85" t="s">
        <v>9</v>
      </c>
      <c r="C8" s="85"/>
      <c r="D8" s="85"/>
      <c r="E8" s="85"/>
      <c r="F8" s="85"/>
    </row>
    <row r="9" spans="2:6" ht="24.95" customHeight="1" x14ac:dyDescent="0.2">
      <c r="B9" s="86" t="s">
        <v>83</v>
      </c>
      <c r="C9" s="86"/>
      <c r="D9" s="86"/>
      <c r="E9" s="86"/>
      <c r="F9" s="86"/>
    </row>
    <row r="10" spans="2:6" ht="4.5" customHeight="1" x14ac:dyDescent="0.2">
      <c r="B10" s="35"/>
      <c r="C10" s="35"/>
      <c r="D10" s="35"/>
      <c r="E10" s="35"/>
      <c r="F10" s="35"/>
    </row>
    <row r="11" spans="2:6" s="2" customFormat="1" ht="20.100000000000001" customHeight="1" x14ac:dyDescent="0.25">
      <c r="B11" s="87" t="s">
        <v>10</v>
      </c>
      <c r="C11" s="87"/>
      <c r="D11" s="87"/>
      <c r="E11" s="87"/>
      <c r="F11" s="87"/>
    </row>
    <row r="12" spans="2:6" s="2" customFormat="1" ht="20.100000000000001" customHeight="1" x14ac:dyDescent="0.25">
      <c r="B12" s="86" t="s">
        <v>84</v>
      </c>
      <c r="C12" s="86"/>
      <c r="D12" s="86"/>
      <c r="E12" s="41"/>
      <c r="F12" s="41"/>
    </row>
    <row r="13" spans="2:6" s="2" customFormat="1" ht="20.100000000000001" customHeight="1" x14ac:dyDescent="0.25">
      <c r="B13" s="86" t="s">
        <v>27</v>
      </c>
      <c r="C13" s="86"/>
      <c r="D13" s="86"/>
      <c r="E13" s="41"/>
      <c r="F13" s="41"/>
    </row>
    <row r="14" spans="2:6" ht="4.5" customHeight="1" x14ac:dyDescent="0.2">
      <c r="B14" s="35"/>
      <c r="C14" s="35"/>
      <c r="D14" s="35"/>
      <c r="E14" s="35"/>
      <c r="F14" s="35"/>
    </row>
    <row r="15" spans="2:6" ht="20.100000000000001" customHeight="1" x14ac:dyDescent="0.2">
      <c r="B15" s="34" t="s">
        <v>11</v>
      </c>
      <c r="C15" s="18"/>
      <c r="D15" s="18"/>
      <c r="E15" s="19"/>
      <c r="F15" s="19"/>
    </row>
    <row r="16" spans="2:6" s="3" customFormat="1" ht="24.95" customHeight="1" x14ac:dyDescent="0.25">
      <c r="B16" s="86" t="s">
        <v>67</v>
      </c>
      <c r="C16" s="86"/>
      <c r="D16" s="86"/>
      <c r="E16" s="16"/>
      <c r="F16" s="17"/>
    </row>
    <row r="17" spans="2:6" ht="5.0999999999999996" customHeight="1" x14ac:dyDescent="0.2">
      <c r="B17" s="99"/>
      <c r="C17" s="99"/>
      <c r="D17" s="99"/>
      <c r="F17" s="11"/>
    </row>
    <row r="18" spans="2:6" s="2" customFormat="1" ht="20.100000000000001" customHeight="1" x14ac:dyDescent="0.25">
      <c r="B18" s="84" t="s">
        <v>24</v>
      </c>
      <c r="C18" s="84"/>
      <c r="D18" s="84"/>
      <c r="E18" s="84"/>
      <c r="F18" s="84"/>
    </row>
    <row r="19" spans="2:6" ht="33.75" customHeight="1" x14ac:dyDescent="0.2">
      <c r="B19" s="117" t="s">
        <v>136</v>
      </c>
      <c r="C19" s="117"/>
      <c r="D19" s="117"/>
      <c r="E19" s="117"/>
      <c r="F19" s="117"/>
    </row>
    <row r="20" spans="2:6" ht="5.0999999999999996" customHeight="1" x14ac:dyDescent="0.2">
      <c r="B20" s="99"/>
      <c r="C20" s="99"/>
      <c r="D20" s="99"/>
      <c r="F20" s="11"/>
    </row>
    <row r="21" spans="2:6" s="2" customFormat="1" ht="20.100000000000001" customHeight="1" x14ac:dyDescent="0.25">
      <c r="B21" s="84" t="s">
        <v>25</v>
      </c>
      <c r="C21" s="84"/>
      <c r="D21" s="84"/>
      <c r="E21" s="84"/>
      <c r="F21" s="84"/>
    </row>
    <row r="22" spans="2:6" s="2" customFormat="1" ht="20.100000000000001" customHeight="1" x14ac:dyDescent="0.25">
      <c r="B22" s="88" t="s">
        <v>6</v>
      </c>
      <c r="C22" s="88"/>
      <c r="D22" s="88"/>
      <c r="E22" s="88"/>
      <c r="F22" s="88"/>
    </row>
    <row r="23" spans="2:6" s="2" customFormat="1" ht="20.100000000000001" customHeight="1" x14ac:dyDescent="0.25">
      <c r="B23" s="91" t="s">
        <v>18</v>
      </c>
      <c r="C23" s="92"/>
      <c r="D23" s="12"/>
      <c r="E23" s="12"/>
      <c r="F23" s="12"/>
    </row>
    <row r="24" spans="2:6" s="2" customFormat="1" ht="20.100000000000001" customHeight="1" x14ac:dyDescent="0.25">
      <c r="B24" s="11"/>
      <c r="C24" s="11" t="s">
        <v>22</v>
      </c>
      <c r="D24" s="12"/>
      <c r="E24" s="12"/>
      <c r="F24" s="12"/>
    </row>
    <row r="25" spans="2:6" s="2" customFormat="1" ht="20.100000000000001" customHeight="1" x14ac:dyDescent="0.25">
      <c r="B25" s="11"/>
      <c r="C25" s="11" t="s">
        <v>23</v>
      </c>
      <c r="D25" s="12"/>
      <c r="E25" s="12"/>
      <c r="F25" s="12"/>
    </row>
    <row r="26" spans="2:6" s="2" customFormat="1" ht="20.100000000000001" customHeight="1" x14ac:dyDescent="0.25">
      <c r="B26" s="91" t="s">
        <v>19</v>
      </c>
      <c r="C26" s="92"/>
      <c r="D26" s="12"/>
      <c r="E26" s="12"/>
      <c r="F26" s="12"/>
    </row>
    <row r="27" spans="2:6" s="2" customFormat="1" ht="31.5" customHeight="1" x14ac:dyDescent="0.25">
      <c r="B27" s="14" t="s">
        <v>20</v>
      </c>
      <c r="C27" s="89" t="s">
        <v>13</v>
      </c>
      <c r="D27" s="90"/>
      <c r="E27" s="15" t="s">
        <v>12</v>
      </c>
      <c r="F27" s="15" t="s">
        <v>14</v>
      </c>
    </row>
    <row r="28" spans="2:6" s="2" customFormat="1" ht="24.95" customHeight="1" x14ac:dyDescent="0.25">
      <c r="B28" s="39" t="s">
        <v>2</v>
      </c>
      <c r="C28" s="93" t="s">
        <v>83</v>
      </c>
      <c r="D28" s="94"/>
      <c r="E28" s="13" t="s">
        <v>1</v>
      </c>
      <c r="F28" s="40">
        <v>1</v>
      </c>
    </row>
    <row r="29" spans="2:6" s="2" customFormat="1" ht="4.5" customHeight="1" x14ac:dyDescent="0.25">
      <c r="B29" s="12"/>
      <c r="C29" s="12"/>
      <c r="D29" s="12"/>
      <c r="E29" s="12"/>
      <c r="F29" s="12"/>
    </row>
    <row r="30" spans="2:6" s="2" customFormat="1" ht="20.100000000000001" customHeight="1" x14ac:dyDescent="0.25">
      <c r="B30" s="91" t="s">
        <v>21</v>
      </c>
      <c r="C30" s="92"/>
      <c r="D30" s="12"/>
      <c r="E30" s="12"/>
      <c r="F30" s="12"/>
    </row>
    <row r="31" spans="2:6" s="2" customFormat="1" ht="20.100000000000001" customHeight="1" x14ac:dyDescent="0.2">
      <c r="B31" s="1"/>
      <c r="C31" s="2" t="s">
        <v>3</v>
      </c>
      <c r="D31" s="12"/>
      <c r="E31" s="12"/>
      <c r="F31" s="12"/>
    </row>
    <row r="32" spans="2:6" s="2" customFormat="1" ht="20.100000000000001" customHeight="1" x14ac:dyDescent="0.25">
      <c r="B32" s="11"/>
      <c r="C32" s="2" t="s">
        <v>4</v>
      </c>
      <c r="D32" s="12"/>
      <c r="E32" s="12"/>
      <c r="F32" s="12"/>
    </row>
    <row r="33" spans="2:7" ht="5.0999999999999996" customHeight="1" x14ac:dyDescent="0.2"/>
    <row r="34" spans="2:7" s="2" customFormat="1" ht="20.100000000000001" customHeight="1" x14ac:dyDescent="0.25">
      <c r="B34" s="84" t="s">
        <v>26</v>
      </c>
      <c r="C34" s="84"/>
      <c r="D34" s="84"/>
      <c r="E34" s="84"/>
      <c r="F34" s="84"/>
    </row>
    <row r="35" spans="2:7" s="2" customFormat="1" ht="5.0999999999999996" customHeight="1" thickBot="1" x14ac:dyDescent="0.3">
      <c r="B35" s="11"/>
      <c r="D35" s="6"/>
      <c r="E35" s="6"/>
      <c r="F35" s="6"/>
    </row>
    <row r="36" spans="2:7" s="3" customFormat="1" ht="93" customHeight="1" x14ac:dyDescent="0.25">
      <c r="B36" s="95" t="s">
        <v>0</v>
      </c>
      <c r="C36" s="96"/>
      <c r="D36" s="100" t="s">
        <v>28</v>
      </c>
      <c r="E36" s="101"/>
      <c r="F36" s="102"/>
      <c r="G36" s="20"/>
    </row>
    <row r="37" spans="2:7" s="3" customFormat="1" ht="30" customHeight="1" thickBot="1" x14ac:dyDescent="0.3">
      <c r="B37" s="97"/>
      <c r="C37" s="98"/>
      <c r="D37" s="21" t="s">
        <v>29</v>
      </c>
      <c r="E37" s="103" t="s">
        <v>30</v>
      </c>
      <c r="F37" s="104"/>
    </row>
    <row r="38" spans="2:7" s="22" customFormat="1" ht="30.75" customHeight="1" thickBot="1" x14ac:dyDescent="0.3">
      <c r="B38" s="105" t="s">
        <v>85</v>
      </c>
      <c r="C38" s="106"/>
      <c r="D38" s="106"/>
      <c r="E38" s="106"/>
      <c r="F38" s="107"/>
    </row>
    <row r="39" spans="2:7" s="4" customFormat="1" ht="24.95" customHeight="1" x14ac:dyDescent="0.25">
      <c r="B39" s="69" t="s">
        <v>16</v>
      </c>
      <c r="C39" s="133" t="s">
        <v>163</v>
      </c>
      <c r="D39" s="70"/>
      <c r="E39" s="108"/>
      <c r="F39" s="109"/>
    </row>
    <row r="40" spans="2:7" s="4" customFormat="1" ht="24.95" customHeight="1" x14ac:dyDescent="0.25">
      <c r="B40" s="49" t="s">
        <v>57</v>
      </c>
      <c r="C40" s="132" t="s">
        <v>164</v>
      </c>
      <c r="D40" s="13"/>
      <c r="E40" s="81"/>
      <c r="F40" s="82"/>
    </row>
    <row r="41" spans="2:7" s="4" customFormat="1" ht="30" customHeight="1" x14ac:dyDescent="0.25">
      <c r="B41" s="49" t="s">
        <v>58</v>
      </c>
      <c r="C41" s="132" t="s">
        <v>165</v>
      </c>
      <c r="D41" s="13"/>
      <c r="E41" s="81"/>
      <c r="F41" s="82"/>
    </row>
    <row r="42" spans="2:7" s="4" customFormat="1" ht="24.95" customHeight="1" x14ac:dyDescent="0.25">
      <c r="B42" s="49" t="s">
        <v>59</v>
      </c>
      <c r="C42" s="132" t="s">
        <v>166</v>
      </c>
      <c r="D42" s="13"/>
      <c r="E42" s="81"/>
      <c r="F42" s="82"/>
    </row>
    <row r="43" spans="2:7" s="4" customFormat="1" ht="24.95" customHeight="1" x14ac:dyDescent="0.25">
      <c r="B43" s="49" t="s">
        <v>60</v>
      </c>
      <c r="C43" s="132" t="s">
        <v>167</v>
      </c>
      <c r="D43" s="13"/>
      <c r="E43" s="81"/>
      <c r="F43" s="82"/>
    </row>
    <row r="44" spans="2:7" s="4" customFormat="1" ht="24.95" customHeight="1" x14ac:dyDescent="0.25">
      <c r="B44" s="49" t="s">
        <v>61</v>
      </c>
      <c r="C44" s="132" t="s">
        <v>168</v>
      </c>
      <c r="D44" s="13"/>
      <c r="E44" s="81"/>
      <c r="F44" s="82"/>
    </row>
    <row r="45" spans="2:7" s="4" customFormat="1" ht="24.95" customHeight="1" x14ac:dyDescent="0.25">
      <c r="B45" s="49" t="s">
        <v>68</v>
      </c>
      <c r="C45" s="132" t="s">
        <v>169</v>
      </c>
      <c r="D45" s="13"/>
      <c r="E45" s="81"/>
      <c r="F45" s="82"/>
    </row>
    <row r="46" spans="2:7" s="4" customFormat="1" ht="24.95" customHeight="1" x14ac:dyDescent="0.25">
      <c r="B46" s="49" t="s">
        <v>62</v>
      </c>
      <c r="C46" s="132" t="s">
        <v>170</v>
      </c>
      <c r="D46" s="13"/>
      <c r="E46" s="81"/>
      <c r="F46" s="82"/>
    </row>
    <row r="47" spans="2:7" s="4" customFormat="1" ht="30" customHeight="1" x14ac:dyDescent="0.25">
      <c r="B47" s="49" t="s">
        <v>63</v>
      </c>
      <c r="C47" s="132" t="s">
        <v>171</v>
      </c>
      <c r="D47" s="13"/>
      <c r="E47" s="81"/>
      <c r="F47" s="82"/>
    </row>
    <row r="48" spans="2:7" s="4" customFormat="1" ht="30" customHeight="1" x14ac:dyDescent="0.25">
      <c r="B48" s="49" t="s">
        <v>64</v>
      </c>
      <c r="C48" s="132" t="s">
        <v>172</v>
      </c>
      <c r="D48" s="13"/>
      <c r="E48" s="81"/>
      <c r="F48" s="82"/>
    </row>
    <row r="49" spans="2:6" s="4" customFormat="1" ht="30" customHeight="1" x14ac:dyDescent="0.25">
      <c r="B49" s="49" t="s">
        <v>65</v>
      </c>
      <c r="C49" s="132" t="s">
        <v>173</v>
      </c>
      <c r="D49" s="13"/>
      <c r="E49" s="81"/>
      <c r="F49" s="82"/>
    </row>
    <row r="50" spans="2:6" s="4" customFormat="1" ht="30" customHeight="1" x14ac:dyDescent="0.25">
      <c r="B50" s="49" t="s">
        <v>69</v>
      </c>
      <c r="C50" s="132" t="s">
        <v>174</v>
      </c>
      <c r="D50" s="13"/>
      <c r="E50" s="81"/>
      <c r="F50" s="82"/>
    </row>
    <row r="51" spans="2:6" s="4" customFormat="1" ht="24.95" customHeight="1" x14ac:dyDescent="0.25">
      <c r="B51" s="49" t="s">
        <v>70</v>
      </c>
      <c r="C51" s="132" t="s">
        <v>175</v>
      </c>
      <c r="D51" s="13"/>
      <c r="E51" s="81"/>
      <c r="F51" s="82"/>
    </row>
    <row r="52" spans="2:6" s="4" customFormat="1" ht="24.95" customHeight="1" x14ac:dyDescent="0.25">
      <c r="B52" s="49" t="s">
        <v>66</v>
      </c>
      <c r="C52" s="132" t="s">
        <v>176</v>
      </c>
      <c r="D52" s="13"/>
      <c r="E52" s="81"/>
      <c r="F52" s="82"/>
    </row>
    <row r="53" spans="2:6" s="4" customFormat="1" ht="30" customHeight="1" x14ac:dyDescent="0.25">
      <c r="B53" s="49" t="s">
        <v>71</v>
      </c>
      <c r="C53" s="132" t="s">
        <v>177</v>
      </c>
      <c r="D53" s="13"/>
      <c r="E53" s="81"/>
      <c r="F53" s="82"/>
    </row>
    <row r="54" spans="2:6" s="4" customFormat="1" ht="45" customHeight="1" x14ac:dyDescent="0.25">
      <c r="B54" s="49" t="s">
        <v>72</v>
      </c>
      <c r="C54" s="132" t="s">
        <v>178</v>
      </c>
      <c r="D54" s="13"/>
      <c r="E54" s="81"/>
      <c r="F54" s="82"/>
    </row>
    <row r="55" spans="2:6" s="4" customFormat="1" ht="61.5" customHeight="1" x14ac:dyDescent="0.25">
      <c r="B55" s="49" t="s">
        <v>73</v>
      </c>
      <c r="C55" s="132" t="s">
        <v>179</v>
      </c>
      <c r="D55" s="13"/>
      <c r="E55" s="81"/>
      <c r="F55" s="82"/>
    </row>
    <row r="56" spans="2:6" s="4" customFormat="1" ht="24.95" customHeight="1" x14ac:dyDescent="0.25">
      <c r="B56" s="49" t="s">
        <v>74</v>
      </c>
      <c r="C56" s="132" t="s">
        <v>180</v>
      </c>
      <c r="D56" s="13"/>
      <c r="E56" s="81"/>
      <c r="F56" s="82"/>
    </row>
    <row r="57" spans="2:6" s="4" customFormat="1" ht="24.95" customHeight="1" x14ac:dyDescent="0.25">
      <c r="B57" s="49" t="s">
        <v>75</v>
      </c>
      <c r="C57" s="132" t="s">
        <v>181</v>
      </c>
      <c r="D57" s="13"/>
      <c r="E57" s="81"/>
      <c r="F57" s="82"/>
    </row>
    <row r="58" spans="2:6" s="4" customFormat="1" ht="24.95" customHeight="1" x14ac:dyDescent="0.25">
      <c r="B58" s="49" t="s">
        <v>76</v>
      </c>
      <c r="C58" s="132" t="s">
        <v>182</v>
      </c>
      <c r="D58" s="13"/>
      <c r="E58" s="81"/>
      <c r="F58" s="82"/>
    </row>
    <row r="59" spans="2:6" s="4" customFormat="1" ht="30" customHeight="1" x14ac:dyDescent="0.25">
      <c r="B59" s="49" t="s">
        <v>77</v>
      </c>
      <c r="C59" s="132" t="s">
        <v>183</v>
      </c>
      <c r="D59" s="13"/>
      <c r="E59" s="81"/>
      <c r="F59" s="82"/>
    </row>
    <row r="60" spans="2:6" s="4" customFormat="1" ht="24.95" customHeight="1" x14ac:dyDescent="0.25">
      <c r="B60" s="49" t="s">
        <v>78</v>
      </c>
      <c r="C60" s="132" t="s">
        <v>184</v>
      </c>
      <c r="D60" s="13"/>
      <c r="E60" s="81"/>
      <c r="F60" s="82"/>
    </row>
    <row r="61" spans="2:6" s="4" customFormat="1" ht="24.95" customHeight="1" x14ac:dyDescent="0.25">
      <c r="B61" s="49" t="s">
        <v>79</v>
      </c>
      <c r="C61" s="132" t="s">
        <v>185</v>
      </c>
      <c r="D61" s="13"/>
      <c r="E61" s="81"/>
      <c r="F61" s="82"/>
    </row>
    <row r="62" spans="2:6" s="4" customFormat="1" ht="45" customHeight="1" x14ac:dyDescent="0.25">
      <c r="B62" s="49" t="s">
        <v>80</v>
      </c>
      <c r="C62" s="132" t="s">
        <v>186</v>
      </c>
      <c r="D62" s="13"/>
      <c r="E62" s="81"/>
      <c r="F62" s="82"/>
    </row>
    <row r="63" spans="2:6" s="4" customFormat="1" ht="45" customHeight="1" x14ac:dyDescent="0.25">
      <c r="B63" s="49" t="s">
        <v>81</v>
      </c>
      <c r="C63" s="132" t="s">
        <v>187</v>
      </c>
      <c r="D63" s="13"/>
      <c r="E63" s="81"/>
      <c r="F63" s="82"/>
    </row>
    <row r="64" spans="2:6" s="4" customFormat="1" ht="30" customHeight="1" x14ac:dyDescent="0.25">
      <c r="B64" s="49" t="s">
        <v>86</v>
      </c>
      <c r="C64" s="132" t="s">
        <v>188</v>
      </c>
      <c r="D64" s="13"/>
      <c r="E64" s="81"/>
      <c r="F64" s="82"/>
    </row>
    <row r="65" spans="2:6" s="4" customFormat="1" ht="30" customHeight="1" x14ac:dyDescent="0.25">
      <c r="B65" s="49" t="s">
        <v>87</v>
      </c>
      <c r="C65" s="132" t="s">
        <v>189</v>
      </c>
      <c r="D65" s="13"/>
      <c r="E65" s="81"/>
      <c r="F65" s="82"/>
    </row>
    <row r="66" spans="2:6" s="4" customFormat="1" ht="24.95" customHeight="1" x14ac:dyDescent="0.25">
      <c r="B66" s="49" t="s">
        <v>88</v>
      </c>
      <c r="C66" s="132" t="s">
        <v>190</v>
      </c>
      <c r="D66" s="13"/>
      <c r="E66" s="81"/>
      <c r="F66" s="82"/>
    </row>
    <row r="67" spans="2:6" s="4" customFormat="1" ht="24.95" customHeight="1" x14ac:dyDescent="0.25">
      <c r="B67" s="49" t="s">
        <v>89</v>
      </c>
      <c r="C67" s="132" t="s">
        <v>191</v>
      </c>
      <c r="D67" s="13"/>
      <c r="E67" s="81"/>
      <c r="F67" s="82"/>
    </row>
    <row r="68" spans="2:6" s="4" customFormat="1" ht="24.95" customHeight="1" x14ac:dyDescent="0.25">
      <c r="B68" s="49" t="s">
        <v>90</v>
      </c>
      <c r="C68" s="132" t="s">
        <v>192</v>
      </c>
      <c r="D68" s="13"/>
      <c r="E68" s="81"/>
      <c r="F68" s="82"/>
    </row>
    <row r="69" spans="2:6" s="4" customFormat="1" ht="30" customHeight="1" x14ac:dyDescent="0.25">
      <c r="B69" s="49" t="s">
        <v>91</v>
      </c>
      <c r="C69" s="132" t="s">
        <v>193</v>
      </c>
      <c r="D69" s="13"/>
      <c r="E69" s="81"/>
      <c r="F69" s="82"/>
    </row>
    <row r="70" spans="2:6" s="4" customFormat="1" ht="24.95" customHeight="1" x14ac:dyDescent="0.25">
      <c r="B70" s="49" t="s">
        <v>92</v>
      </c>
      <c r="C70" s="132" t="s">
        <v>194</v>
      </c>
      <c r="D70" s="13"/>
      <c r="E70" s="81"/>
      <c r="F70" s="82"/>
    </row>
    <row r="71" spans="2:6" s="4" customFormat="1" ht="35.25" customHeight="1" x14ac:dyDescent="0.25">
      <c r="B71" s="49" t="s">
        <v>93</v>
      </c>
      <c r="C71" s="132" t="s">
        <v>195</v>
      </c>
      <c r="D71" s="13"/>
      <c r="E71" s="81"/>
      <c r="F71" s="82"/>
    </row>
    <row r="72" spans="2:6" s="4" customFormat="1" ht="24.95" customHeight="1" x14ac:dyDescent="0.25">
      <c r="B72" s="49" t="s">
        <v>94</v>
      </c>
      <c r="C72" s="132" t="s">
        <v>196</v>
      </c>
      <c r="D72" s="13"/>
      <c r="E72" s="81"/>
      <c r="F72" s="82"/>
    </row>
    <row r="73" spans="2:6" s="4" customFormat="1" ht="30" customHeight="1" x14ac:dyDescent="0.25">
      <c r="B73" s="49" t="s">
        <v>95</v>
      </c>
      <c r="C73" s="132" t="s">
        <v>197</v>
      </c>
      <c r="D73" s="13"/>
      <c r="E73" s="81"/>
      <c r="F73" s="82"/>
    </row>
    <row r="74" spans="2:6" s="4" customFormat="1" ht="24.95" customHeight="1" x14ac:dyDescent="0.25">
      <c r="B74" s="49" t="s">
        <v>96</v>
      </c>
      <c r="C74" s="132" t="s">
        <v>198</v>
      </c>
      <c r="D74" s="13"/>
      <c r="E74" s="81"/>
      <c r="F74" s="82"/>
    </row>
    <row r="75" spans="2:6" s="4" customFormat="1" ht="24.95" customHeight="1" x14ac:dyDescent="0.25">
      <c r="B75" s="49" t="s">
        <v>199</v>
      </c>
      <c r="C75" s="132" t="s">
        <v>200</v>
      </c>
      <c r="D75" s="13"/>
      <c r="E75" s="81"/>
      <c r="F75" s="82"/>
    </row>
    <row r="76" spans="2:6" s="4" customFormat="1" ht="24.95" customHeight="1" x14ac:dyDescent="0.25">
      <c r="B76" s="49" t="s">
        <v>201</v>
      </c>
      <c r="C76" s="132" t="s">
        <v>202</v>
      </c>
      <c r="D76" s="13"/>
      <c r="E76" s="81"/>
      <c r="F76" s="82"/>
    </row>
    <row r="77" spans="2:6" s="4" customFormat="1" ht="24.95" customHeight="1" x14ac:dyDescent="0.25">
      <c r="B77" s="49" t="s">
        <v>97</v>
      </c>
      <c r="C77" s="132" t="s">
        <v>203</v>
      </c>
      <c r="D77" s="13"/>
      <c r="E77" s="81"/>
      <c r="F77" s="82"/>
    </row>
    <row r="78" spans="2:6" s="4" customFormat="1" ht="24.95" customHeight="1" x14ac:dyDescent="0.25">
      <c r="B78" s="49" t="s">
        <v>204</v>
      </c>
      <c r="C78" s="132" t="s">
        <v>205</v>
      </c>
      <c r="D78" s="13"/>
      <c r="E78" s="81"/>
      <c r="F78" s="82"/>
    </row>
    <row r="79" spans="2:6" s="4" customFormat="1" ht="24.95" customHeight="1" x14ac:dyDescent="0.25">
      <c r="B79" s="49" t="s">
        <v>206</v>
      </c>
      <c r="C79" s="132" t="s">
        <v>207</v>
      </c>
      <c r="D79" s="13"/>
      <c r="E79" s="81"/>
      <c r="F79" s="82"/>
    </row>
    <row r="80" spans="2:6" s="4" customFormat="1" ht="30" customHeight="1" x14ac:dyDescent="0.25">
      <c r="B80" s="49" t="s">
        <v>208</v>
      </c>
      <c r="C80" s="132" t="s">
        <v>209</v>
      </c>
      <c r="D80" s="13"/>
      <c r="E80" s="81"/>
      <c r="F80" s="82"/>
    </row>
    <row r="81" spans="2:6" s="4" customFormat="1" ht="24.95" customHeight="1" x14ac:dyDescent="0.25">
      <c r="B81" s="49" t="s">
        <v>210</v>
      </c>
      <c r="C81" s="132" t="s">
        <v>211</v>
      </c>
      <c r="D81" s="13"/>
      <c r="E81" s="81"/>
      <c r="F81" s="82"/>
    </row>
    <row r="82" spans="2:6" s="4" customFormat="1" ht="56.25" customHeight="1" x14ac:dyDescent="0.25">
      <c r="B82" s="49" t="s">
        <v>212</v>
      </c>
      <c r="C82" s="132" t="s">
        <v>213</v>
      </c>
      <c r="D82" s="13"/>
      <c r="E82" s="81"/>
      <c r="F82" s="82"/>
    </row>
    <row r="83" spans="2:6" s="4" customFormat="1" ht="30" customHeight="1" x14ac:dyDescent="0.25">
      <c r="B83" s="49" t="s">
        <v>214</v>
      </c>
      <c r="C83" s="132" t="s">
        <v>215</v>
      </c>
      <c r="D83" s="13"/>
      <c r="E83" s="81"/>
      <c r="F83" s="82"/>
    </row>
    <row r="84" spans="2:6" s="4" customFormat="1" ht="24.95" customHeight="1" x14ac:dyDescent="0.25">
      <c r="B84" s="49" t="s">
        <v>216</v>
      </c>
      <c r="C84" s="132" t="s">
        <v>217</v>
      </c>
      <c r="D84" s="13"/>
      <c r="E84" s="81"/>
      <c r="F84" s="82"/>
    </row>
    <row r="85" spans="2:6" s="4" customFormat="1" ht="24.95" customHeight="1" thickBot="1" x14ac:dyDescent="0.3">
      <c r="B85" s="134" t="s">
        <v>218</v>
      </c>
      <c r="C85" s="135" t="s">
        <v>219</v>
      </c>
      <c r="D85" s="43"/>
      <c r="E85" s="136"/>
      <c r="F85" s="137"/>
    </row>
    <row r="86" spans="2:6" s="3" customFormat="1" ht="5.0999999999999996" customHeight="1" x14ac:dyDescent="0.25">
      <c r="B86" s="5"/>
      <c r="C86" s="5"/>
      <c r="D86" s="7"/>
      <c r="E86" s="7"/>
      <c r="F86" s="23"/>
    </row>
    <row r="87" spans="2:6" s="2" customFormat="1" ht="20.100000000000001" customHeight="1" x14ac:dyDescent="0.25">
      <c r="B87" s="84" t="s">
        <v>48</v>
      </c>
      <c r="C87" s="84"/>
      <c r="D87" s="84"/>
      <c r="E87" s="84"/>
      <c r="F87" s="84"/>
    </row>
    <row r="88" spans="2:6" s="2" customFormat="1" ht="5.0999999999999996" customHeight="1" thickBot="1" x14ac:dyDescent="0.3">
      <c r="B88" s="11"/>
      <c r="D88" s="6"/>
      <c r="E88" s="6"/>
      <c r="F88" s="6"/>
    </row>
    <row r="89" spans="2:6" s="3" customFormat="1" ht="69" customHeight="1" x14ac:dyDescent="0.25">
      <c r="B89" s="95" t="s">
        <v>8</v>
      </c>
      <c r="C89" s="96"/>
      <c r="D89" s="100" t="s">
        <v>31</v>
      </c>
      <c r="E89" s="101"/>
      <c r="F89" s="102"/>
    </row>
    <row r="90" spans="2:6" s="3" customFormat="1" ht="30" customHeight="1" thickBot="1" x14ac:dyDescent="0.3">
      <c r="B90" s="97"/>
      <c r="C90" s="98"/>
      <c r="D90" s="21" t="s">
        <v>7</v>
      </c>
      <c r="E90" s="118" t="s">
        <v>32</v>
      </c>
      <c r="F90" s="119"/>
    </row>
    <row r="91" spans="2:6" s="2" customFormat="1" ht="24.95" customHeight="1" x14ac:dyDescent="0.25">
      <c r="B91" s="44" t="s">
        <v>16</v>
      </c>
      <c r="C91" s="50" t="s">
        <v>137</v>
      </c>
      <c r="D91" s="13"/>
      <c r="E91" s="77"/>
      <c r="F91" s="78"/>
    </row>
    <row r="92" spans="2:6" s="2" customFormat="1" ht="24.95" customHeight="1" x14ac:dyDescent="0.25">
      <c r="B92" s="60" t="s">
        <v>57</v>
      </c>
      <c r="C92" s="53" t="s">
        <v>98</v>
      </c>
      <c r="D92" s="61" t="s">
        <v>135</v>
      </c>
      <c r="E92" s="130" t="s">
        <v>135</v>
      </c>
      <c r="F92" s="131"/>
    </row>
    <row r="93" spans="2:6" s="2" customFormat="1" ht="27.75" customHeight="1" x14ac:dyDescent="0.25">
      <c r="B93" s="52" t="s">
        <v>99</v>
      </c>
      <c r="C93" s="54" t="s">
        <v>138</v>
      </c>
      <c r="D93" s="62"/>
      <c r="E93" s="124"/>
      <c r="F93" s="125"/>
    </row>
    <row r="94" spans="2:6" s="2" customFormat="1" ht="24.95" customHeight="1" x14ac:dyDescent="0.25">
      <c r="B94" s="52" t="s">
        <v>100</v>
      </c>
      <c r="C94" s="54" t="s">
        <v>139</v>
      </c>
      <c r="D94" s="62"/>
      <c r="E94" s="124"/>
      <c r="F94" s="125"/>
    </row>
    <row r="95" spans="2:6" s="2" customFormat="1" ht="60.75" customHeight="1" x14ac:dyDescent="0.25">
      <c r="B95" s="52" t="s">
        <v>101</v>
      </c>
      <c r="C95" s="54" t="s">
        <v>103</v>
      </c>
      <c r="D95" s="62"/>
      <c r="E95" s="124"/>
      <c r="F95" s="125"/>
    </row>
    <row r="96" spans="2:6" s="2" customFormat="1" ht="42.75" customHeight="1" x14ac:dyDescent="0.25">
      <c r="B96" s="52" t="s">
        <v>102</v>
      </c>
      <c r="C96" s="54" t="s">
        <v>105</v>
      </c>
      <c r="D96" s="62"/>
      <c r="E96" s="124"/>
      <c r="F96" s="125"/>
    </row>
    <row r="97" spans="2:6" s="2" customFormat="1" ht="135.75" customHeight="1" x14ac:dyDescent="0.25">
      <c r="B97" s="55" t="s">
        <v>104</v>
      </c>
      <c r="C97" s="56" t="s">
        <v>140</v>
      </c>
      <c r="D97" s="63"/>
      <c r="E97" s="75"/>
      <c r="F97" s="76"/>
    </row>
    <row r="98" spans="2:6" s="2" customFormat="1" ht="63" customHeight="1" x14ac:dyDescent="0.25">
      <c r="B98" s="57" t="s">
        <v>58</v>
      </c>
      <c r="C98" s="50" t="s">
        <v>106</v>
      </c>
      <c r="D98" s="13"/>
      <c r="E98" s="77"/>
      <c r="F98" s="78"/>
    </row>
    <row r="99" spans="2:6" s="2" customFormat="1" ht="96.75" customHeight="1" x14ac:dyDescent="0.25">
      <c r="B99" s="42" t="s">
        <v>59</v>
      </c>
      <c r="C99" s="51" t="s">
        <v>107</v>
      </c>
      <c r="D99" s="13"/>
      <c r="E99" s="77"/>
      <c r="F99" s="78"/>
    </row>
    <row r="100" spans="2:6" s="2" customFormat="1" ht="74.25" customHeight="1" x14ac:dyDescent="0.25">
      <c r="B100" s="57" t="s">
        <v>60</v>
      </c>
      <c r="C100" s="51" t="s">
        <v>108</v>
      </c>
      <c r="D100" s="13"/>
      <c r="E100" s="77"/>
      <c r="F100" s="78"/>
    </row>
    <row r="101" spans="2:6" s="2" customFormat="1" ht="86.25" customHeight="1" x14ac:dyDescent="0.25">
      <c r="B101" s="57" t="s">
        <v>61</v>
      </c>
      <c r="C101" s="51" t="s">
        <v>109</v>
      </c>
      <c r="D101" s="13"/>
      <c r="E101" s="77"/>
      <c r="F101" s="78"/>
    </row>
    <row r="102" spans="2:6" s="2" customFormat="1" ht="103.5" customHeight="1" x14ac:dyDescent="0.25">
      <c r="B102" s="57" t="s">
        <v>68</v>
      </c>
      <c r="C102" s="51" t="s">
        <v>141</v>
      </c>
      <c r="D102" s="13"/>
      <c r="E102" s="77"/>
      <c r="F102" s="78"/>
    </row>
    <row r="103" spans="2:6" s="2" customFormat="1" ht="99.75" customHeight="1" x14ac:dyDescent="0.25">
      <c r="B103" s="59" t="s">
        <v>62</v>
      </c>
      <c r="C103" s="65" t="s">
        <v>110</v>
      </c>
      <c r="D103" s="61"/>
      <c r="E103" s="128"/>
      <c r="F103" s="129"/>
    </row>
    <row r="104" spans="2:6" s="2" customFormat="1" ht="30" customHeight="1" x14ac:dyDescent="0.25">
      <c r="B104" s="71" t="s">
        <v>142</v>
      </c>
      <c r="C104" s="72" t="s">
        <v>112</v>
      </c>
      <c r="D104" s="73"/>
      <c r="E104" s="126"/>
      <c r="F104" s="127"/>
    </row>
    <row r="105" spans="2:6" s="2" customFormat="1" ht="48" customHeight="1" x14ac:dyDescent="0.25">
      <c r="B105" s="58" t="s">
        <v>143</v>
      </c>
      <c r="C105" s="66" t="s">
        <v>113</v>
      </c>
      <c r="D105" s="62"/>
      <c r="E105" s="124"/>
      <c r="F105" s="125"/>
    </row>
    <row r="106" spans="2:6" s="2" customFormat="1" ht="63.75" x14ac:dyDescent="0.25">
      <c r="B106" s="58" t="s">
        <v>144</v>
      </c>
      <c r="C106" s="66" t="s">
        <v>114</v>
      </c>
      <c r="D106" s="62"/>
      <c r="E106" s="124"/>
      <c r="F106" s="125"/>
    </row>
    <row r="107" spans="2:6" s="2" customFormat="1" ht="44.25" customHeight="1" x14ac:dyDescent="0.25">
      <c r="B107" s="58" t="s">
        <v>145</v>
      </c>
      <c r="C107" s="66" t="s">
        <v>115</v>
      </c>
      <c r="D107" s="62"/>
      <c r="E107" s="124"/>
      <c r="F107" s="125"/>
    </row>
    <row r="108" spans="2:6" s="2" customFormat="1" ht="30" customHeight="1" x14ac:dyDescent="0.25">
      <c r="B108" s="58" t="s">
        <v>146</v>
      </c>
      <c r="C108" s="66" t="s">
        <v>116</v>
      </c>
      <c r="D108" s="62"/>
      <c r="E108" s="124"/>
      <c r="F108" s="125"/>
    </row>
    <row r="109" spans="2:6" s="2" customFormat="1" ht="63.75" x14ac:dyDescent="0.25">
      <c r="B109" s="58" t="s">
        <v>147</v>
      </c>
      <c r="C109" s="66" t="s">
        <v>117</v>
      </c>
      <c r="D109" s="62"/>
      <c r="E109" s="124"/>
      <c r="F109" s="125"/>
    </row>
    <row r="110" spans="2:6" s="2" customFormat="1" ht="30.75" customHeight="1" x14ac:dyDescent="0.25">
      <c r="B110" s="58" t="s">
        <v>148</v>
      </c>
      <c r="C110" s="66" t="s">
        <v>118</v>
      </c>
      <c r="D110" s="62"/>
      <c r="E110" s="124"/>
      <c r="F110" s="125"/>
    </row>
    <row r="111" spans="2:6" s="2" customFormat="1" ht="30.75" customHeight="1" x14ac:dyDescent="0.25">
      <c r="B111" s="58" t="s">
        <v>149</v>
      </c>
      <c r="C111" s="66" t="s">
        <v>119</v>
      </c>
      <c r="D111" s="62"/>
      <c r="E111" s="124"/>
      <c r="F111" s="125"/>
    </row>
    <row r="112" spans="2:6" s="2" customFormat="1" ht="44.25" customHeight="1" x14ac:dyDescent="0.25">
      <c r="B112" s="58" t="s">
        <v>150</v>
      </c>
      <c r="C112" s="66" t="s">
        <v>120</v>
      </c>
      <c r="D112" s="62"/>
      <c r="E112" s="124"/>
      <c r="F112" s="125"/>
    </row>
    <row r="113" spans="2:6" s="2" customFormat="1" ht="43.5" customHeight="1" x14ac:dyDescent="0.25">
      <c r="B113" s="67" t="s">
        <v>151</v>
      </c>
      <c r="C113" s="68" t="s">
        <v>152</v>
      </c>
      <c r="D113" s="63"/>
      <c r="E113" s="75"/>
      <c r="F113" s="76"/>
    </row>
    <row r="114" spans="2:6" s="2" customFormat="1" ht="57.75" customHeight="1" x14ac:dyDescent="0.25">
      <c r="B114" s="60" t="s">
        <v>63</v>
      </c>
      <c r="C114" s="53" t="s">
        <v>121</v>
      </c>
      <c r="D114" s="61"/>
      <c r="E114" s="128"/>
      <c r="F114" s="129"/>
    </row>
    <row r="115" spans="2:6" s="2" customFormat="1" ht="88.5" customHeight="1" x14ac:dyDescent="0.25">
      <c r="B115" s="55" t="s">
        <v>111</v>
      </c>
      <c r="C115" s="56" t="s">
        <v>123</v>
      </c>
      <c r="D115" s="63"/>
      <c r="E115" s="75"/>
      <c r="F115" s="76"/>
    </row>
    <row r="116" spans="2:6" s="2" customFormat="1" ht="30" customHeight="1" x14ac:dyDescent="0.25">
      <c r="B116" s="59" t="s">
        <v>64</v>
      </c>
      <c r="C116" s="53" t="s">
        <v>124</v>
      </c>
      <c r="D116" s="61"/>
      <c r="E116" s="128"/>
      <c r="F116" s="129"/>
    </row>
    <row r="117" spans="2:6" s="2" customFormat="1" ht="30" customHeight="1" x14ac:dyDescent="0.25">
      <c r="B117" s="58" t="s">
        <v>122</v>
      </c>
      <c r="C117" s="54" t="s">
        <v>126</v>
      </c>
      <c r="D117" s="62"/>
      <c r="E117" s="124"/>
      <c r="F117" s="125"/>
    </row>
    <row r="118" spans="2:6" s="2" customFormat="1" ht="60.75" customHeight="1" x14ac:dyDescent="0.25">
      <c r="B118" s="67" t="s">
        <v>153</v>
      </c>
      <c r="C118" s="56" t="s">
        <v>128</v>
      </c>
      <c r="D118" s="63"/>
      <c r="E118" s="75"/>
      <c r="F118" s="76"/>
    </row>
    <row r="119" spans="2:6" s="2" customFormat="1" ht="72.75" customHeight="1" x14ac:dyDescent="0.25">
      <c r="B119" s="59" t="s">
        <v>65</v>
      </c>
      <c r="C119" s="53" t="s">
        <v>129</v>
      </c>
      <c r="D119" s="61"/>
      <c r="E119" s="128"/>
      <c r="F119" s="129"/>
    </row>
    <row r="120" spans="2:6" s="2" customFormat="1" ht="58.5" customHeight="1" x14ac:dyDescent="0.25">
      <c r="B120" s="58" t="s">
        <v>125</v>
      </c>
      <c r="C120" s="54" t="s">
        <v>130</v>
      </c>
      <c r="D120" s="62"/>
      <c r="E120" s="124"/>
      <c r="F120" s="125"/>
    </row>
    <row r="121" spans="2:6" s="2" customFormat="1" ht="48.75" customHeight="1" x14ac:dyDescent="0.25">
      <c r="B121" s="67" t="s">
        <v>127</v>
      </c>
      <c r="C121" s="56" t="s">
        <v>131</v>
      </c>
      <c r="D121" s="63"/>
      <c r="E121" s="75"/>
      <c r="F121" s="76"/>
    </row>
    <row r="122" spans="2:6" s="2" customFormat="1" ht="124.5" customHeight="1" x14ac:dyDescent="0.25">
      <c r="B122" s="42" t="s">
        <v>69</v>
      </c>
      <c r="C122" s="51" t="s">
        <v>132</v>
      </c>
      <c r="D122" s="13"/>
      <c r="E122" s="77"/>
      <c r="F122" s="78"/>
    </row>
    <row r="123" spans="2:6" s="2" customFormat="1" ht="70.5" customHeight="1" x14ac:dyDescent="0.25">
      <c r="B123" s="42" t="s">
        <v>70</v>
      </c>
      <c r="C123" s="51" t="s">
        <v>133</v>
      </c>
      <c r="D123" s="13"/>
      <c r="E123" s="77"/>
      <c r="F123" s="78"/>
    </row>
    <row r="124" spans="2:6" s="2" customFormat="1" ht="96" customHeight="1" x14ac:dyDescent="0.25">
      <c r="B124" s="42" t="s">
        <v>66</v>
      </c>
      <c r="C124" s="51" t="s">
        <v>154</v>
      </c>
      <c r="D124" s="13"/>
      <c r="E124" s="77"/>
      <c r="F124" s="78"/>
    </row>
    <row r="125" spans="2:6" s="2" customFormat="1" ht="121.5" customHeight="1" x14ac:dyDescent="0.25">
      <c r="B125" s="42" t="s">
        <v>71</v>
      </c>
      <c r="C125" s="51" t="s">
        <v>155</v>
      </c>
      <c r="D125" s="13"/>
      <c r="E125" s="77"/>
      <c r="F125" s="78"/>
    </row>
    <row r="126" spans="2:6" s="2" customFormat="1" ht="95.25" customHeight="1" x14ac:dyDescent="0.25">
      <c r="B126" s="42" t="s">
        <v>72</v>
      </c>
      <c r="C126" s="51" t="s">
        <v>156</v>
      </c>
      <c r="D126" s="13"/>
      <c r="E126" s="77"/>
      <c r="F126" s="78"/>
    </row>
    <row r="127" spans="2:6" s="2" customFormat="1" ht="81" customHeight="1" x14ac:dyDescent="0.25">
      <c r="B127" s="42" t="s">
        <v>73</v>
      </c>
      <c r="C127" s="51" t="s">
        <v>134</v>
      </c>
      <c r="D127" s="13"/>
      <c r="E127" s="77"/>
      <c r="F127" s="78"/>
    </row>
    <row r="128" spans="2:6" s="2" customFormat="1" ht="201" customHeight="1" x14ac:dyDescent="0.25">
      <c r="B128" s="42" t="s">
        <v>74</v>
      </c>
      <c r="C128" s="51" t="s">
        <v>157</v>
      </c>
      <c r="D128" s="13"/>
      <c r="E128" s="77"/>
      <c r="F128" s="78"/>
    </row>
    <row r="129" spans="2:7" s="2" customFormat="1" ht="212.25" customHeight="1" x14ac:dyDescent="0.25">
      <c r="B129" s="42" t="s">
        <v>75</v>
      </c>
      <c r="C129" s="51" t="s">
        <v>158</v>
      </c>
      <c r="D129" s="13"/>
      <c r="E129" s="77"/>
      <c r="F129" s="78"/>
    </row>
    <row r="130" spans="2:7" s="2" customFormat="1" ht="120.75" customHeight="1" x14ac:dyDescent="0.25">
      <c r="B130" s="42" t="s">
        <v>76</v>
      </c>
      <c r="C130" s="2" t="s">
        <v>159</v>
      </c>
      <c r="D130" s="13"/>
      <c r="E130" s="77"/>
      <c r="F130" s="78"/>
    </row>
    <row r="131" spans="2:7" s="2" customFormat="1" ht="48.75" customHeight="1" thickBot="1" x14ac:dyDescent="0.3">
      <c r="B131" s="46" t="s">
        <v>77</v>
      </c>
      <c r="C131" s="64" t="s">
        <v>160</v>
      </c>
      <c r="D131" s="43"/>
      <c r="E131" s="79"/>
      <c r="F131" s="80"/>
    </row>
    <row r="132" spans="2:7" s="3" customFormat="1" ht="5.0999999999999996" customHeight="1" x14ac:dyDescent="0.25">
      <c r="B132" s="5"/>
      <c r="C132" s="5"/>
      <c r="D132" s="7"/>
      <c r="E132" s="7"/>
      <c r="F132" s="23"/>
      <c r="G132" s="2"/>
    </row>
    <row r="133" spans="2:7" s="2" customFormat="1" ht="20.100000000000001" customHeight="1" x14ac:dyDescent="0.25">
      <c r="B133" s="84" t="s">
        <v>54</v>
      </c>
      <c r="C133" s="84"/>
      <c r="D133" s="84"/>
      <c r="E133" s="84"/>
      <c r="F133" s="84"/>
    </row>
    <row r="134" spans="2:7" s="2" customFormat="1" ht="4.5" customHeight="1" thickBot="1" x14ac:dyDescent="0.3"/>
    <row r="135" spans="2:7" s="2" customFormat="1" ht="80.25" customHeight="1" x14ac:dyDescent="0.25">
      <c r="B135" s="95" t="s">
        <v>55</v>
      </c>
      <c r="C135" s="96"/>
      <c r="D135" s="100" t="s">
        <v>56</v>
      </c>
      <c r="E135" s="101"/>
      <c r="F135" s="102"/>
    </row>
    <row r="136" spans="2:7" s="3" customFormat="1" ht="29.25" customHeight="1" thickBot="1" x14ac:dyDescent="0.3">
      <c r="B136" s="97"/>
      <c r="C136" s="98"/>
      <c r="D136" s="21" t="s">
        <v>7</v>
      </c>
      <c r="E136" s="118" t="s">
        <v>32</v>
      </c>
      <c r="F136" s="119"/>
      <c r="G136" s="2"/>
    </row>
    <row r="137" spans="2:7" s="3" customFormat="1" ht="81.75" customHeight="1" x14ac:dyDescent="0.25">
      <c r="B137" s="44" t="s">
        <v>16</v>
      </c>
      <c r="C137" s="74" t="s">
        <v>161</v>
      </c>
      <c r="D137" s="45"/>
      <c r="E137" s="122"/>
      <c r="F137" s="123"/>
      <c r="G137" s="2"/>
    </row>
    <row r="138" spans="2:7" s="3" customFormat="1" ht="69" customHeight="1" thickBot="1" x14ac:dyDescent="0.3">
      <c r="B138" s="46" t="s">
        <v>57</v>
      </c>
      <c r="C138" s="48" t="s">
        <v>162</v>
      </c>
      <c r="D138" s="47"/>
      <c r="E138" s="79"/>
      <c r="F138" s="80"/>
      <c r="G138" s="2"/>
    </row>
    <row r="139" spans="2:7" s="2" customFormat="1" ht="5.0999999999999996" customHeight="1" x14ac:dyDescent="0.25">
      <c r="B139" s="5"/>
      <c r="C139" s="5"/>
      <c r="D139" s="7"/>
      <c r="E139" s="7"/>
      <c r="F139" s="23"/>
    </row>
    <row r="140" spans="2:7" s="2" customFormat="1" ht="20.100000000000001" customHeight="1" x14ac:dyDescent="0.25">
      <c r="B140" s="84" t="s">
        <v>15</v>
      </c>
      <c r="C140" s="84"/>
      <c r="D140" s="84"/>
      <c r="E140" s="84"/>
      <c r="F140" s="84"/>
    </row>
    <row r="141" spans="2:7" s="3" customFormat="1" ht="30" customHeight="1" x14ac:dyDescent="0.25">
      <c r="B141" s="5" t="s">
        <v>17</v>
      </c>
      <c r="C141" s="114" t="s">
        <v>82</v>
      </c>
      <c r="D141" s="114"/>
      <c r="E141" s="114"/>
      <c r="F141" s="114"/>
      <c r="G141" s="2"/>
    </row>
    <row r="142" spans="2:7" s="25" customFormat="1" ht="30" customHeight="1" x14ac:dyDescent="0.25">
      <c r="B142" s="5" t="s">
        <v>33</v>
      </c>
      <c r="C142" s="114" t="s">
        <v>34</v>
      </c>
      <c r="D142" s="114"/>
      <c r="E142" s="114"/>
      <c r="F142" s="114"/>
      <c r="G142" s="2"/>
    </row>
    <row r="143" spans="2:7" s="25" customFormat="1" ht="30" customHeight="1" x14ac:dyDescent="0.25">
      <c r="B143" s="115" t="s">
        <v>35</v>
      </c>
      <c r="C143" s="115"/>
      <c r="D143" s="115"/>
      <c r="E143" s="115"/>
      <c r="F143" s="3"/>
      <c r="G143" s="2"/>
    </row>
    <row r="144" spans="2:7" s="2" customFormat="1" ht="24.95" customHeight="1" x14ac:dyDescent="0.25">
      <c r="B144" s="24" t="s">
        <v>36</v>
      </c>
      <c r="C144" s="112"/>
      <c r="D144" s="112"/>
      <c r="F144" s="25"/>
    </row>
    <row r="145" spans="2:7" s="2" customFormat="1" ht="24.95" customHeight="1" x14ac:dyDescent="0.25">
      <c r="B145" s="24" t="s">
        <v>37</v>
      </c>
      <c r="C145" s="112"/>
      <c r="D145" s="112"/>
      <c r="F145" s="25"/>
    </row>
    <row r="146" spans="2:7" s="2" customFormat="1" ht="24.95" customHeight="1" x14ac:dyDescent="0.25">
      <c r="B146" s="24" t="s">
        <v>38</v>
      </c>
      <c r="C146" s="112"/>
      <c r="D146" s="112"/>
      <c r="F146" s="25"/>
    </row>
    <row r="147" spans="2:7" s="3" customFormat="1" ht="24.95" customHeight="1" x14ac:dyDescent="0.25">
      <c r="B147" s="24" t="s">
        <v>39</v>
      </c>
      <c r="C147" s="112"/>
      <c r="D147" s="112"/>
      <c r="E147" s="2"/>
      <c r="F147" s="26"/>
      <c r="G147" s="2"/>
    </row>
    <row r="148" spans="2:7" s="2" customFormat="1" ht="14.25" customHeight="1" x14ac:dyDescent="0.2">
      <c r="B148" s="9"/>
      <c r="C148" s="10"/>
      <c r="D148" s="10"/>
      <c r="F148" s="27"/>
    </row>
    <row r="149" spans="2:7" s="3" customFormat="1" ht="15" customHeight="1" x14ac:dyDescent="0.25">
      <c r="B149" s="116" t="s">
        <v>40</v>
      </c>
      <c r="C149" s="116"/>
      <c r="D149" s="116"/>
      <c r="E149" s="116"/>
      <c r="F149" s="116"/>
    </row>
    <row r="150" spans="2:7" s="2" customFormat="1" ht="36.75" customHeight="1" x14ac:dyDescent="0.25">
      <c r="B150" s="113" t="s">
        <v>51</v>
      </c>
      <c r="C150" s="113"/>
      <c r="D150" s="113"/>
      <c r="E150" s="113"/>
      <c r="F150" s="113"/>
    </row>
    <row r="151" spans="2:7" s="2" customFormat="1" ht="20.100000000000001" customHeight="1" x14ac:dyDescent="0.2">
      <c r="B151" s="1"/>
      <c r="C151" s="1"/>
      <c r="D151" s="8"/>
      <c r="E151" s="8"/>
    </row>
    <row r="152" spans="2:7" s="3" customFormat="1" ht="4.5" customHeight="1" x14ac:dyDescent="0.2">
      <c r="B152" s="1"/>
      <c r="C152" s="1"/>
      <c r="D152" s="8"/>
      <c r="E152" s="8"/>
      <c r="F152" s="2"/>
    </row>
    <row r="153" spans="2:7" s="3" customFormat="1" ht="20.100000000000001" customHeight="1" x14ac:dyDescent="0.25">
      <c r="B153" s="28" t="s">
        <v>41</v>
      </c>
      <c r="C153" s="29"/>
      <c r="D153" s="30" t="s">
        <v>42</v>
      </c>
      <c r="E153" s="110"/>
      <c r="F153" s="110"/>
    </row>
    <row r="154" spans="2:7" s="3" customFormat="1" ht="20.100000000000001" customHeight="1" x14ac:dyDescent="0.25">
      <c r="B154" s="29"/>
      <c r="C154" s="29"/>
      <c r="D154" s="29"/>
      <c r="E154" s="31"/>
      <c r="F154" s="31"/>
    </row>
    <row r="155" spans="2:7" ht="20.100000000000001" customHeight="1" x14ac:dyDescent="0.2">
      <c r="B155" s="28" t="s">
        <v>43</v>
      </c>
      <c r="C155" s="29"/>
      <c r="D155" s="32" t="s">
        <v>44</v>
      </c>
      <c r="E155" s="111"/>
      <c r="F155" s="111"/>
    </row>
    <row r="156" spans="2:7" s="2" customFormat="1" ht="20.100000000000001" customHeight="1" x14ac:dyDescent="0.2">
      <c r="B156" s="1"/>
      <c r="C156" s="1"/>
      <c r="D156" s="32" t="s">
        <v>45</v>
      </c>
      <c r="E156" s="112"/>
      <c r="F156" s="112"/>
    </row>
    <row r="157" spans="2:7" s="2" customFormat="1" ht="20.100000000000001" customHeight="1" x14ac:dyDescent="0.2">
      <c r="B157" s="1"/>
      <c r="C157" s="1"/>
      <c r="D157" s="33" t="s">
        <v>46</v>
      </c>
      <c r="E157" s="1"/>
    </row>
    <row r="158" spans="2:7" s="2" customFormat="1" ht="37.5" customHeight="1" x14ac:dyDescent="0.25"/>
    <row r="159" spans="2:7" s="2" customFormat="1" ht="24" customHeight="1" x14ac:dyDescent="0.25"/>
    <row r="160" spans="2:7" s="2" customFormat="1" ht="24" customHeight="1" x14ac:dyDescent="0.25"/>
    <row r="161" spans="2:5" s="2" customFormat="1" ht="24" customHeight="1" x14ac:dyDescent="0.25"/>
    <row r="162" spans="2:5" s="2" customFormat="1" ht="20.100000000000001" customHeight="1" x14ac:dyDescent="0.25"/>
    <row r="163" spans="2:5" s="2" customFormat="1" ht="20.100000000000001" customHeight="1" x14ac:dyDescent="0.25"/>
    <row r="164" spans="2:5" s="2" customFormat="1" ht="50.1" customHeight="1" x14ac:dyDescent="0.25"/>
    <row r="165" spans="2:5" s="2" customFormat="1" ht="43.5" customHeight="1" x14ac:dyDescent="0.25"/>
    <row r="166" spans="2:5" ht="24.75" customHeight="1" x14ac:dyDescent="0.2">
      <c r="B166" s="2"/>
      <c r="C166" s="2"/>
      <c r="D166" s="2"/>
      <c r="E166" s="2"/>
    </row>
    <row r="167" spans="2:5" x14ac:dyDescent="0.2">
      <c r="B167" s="2"/>
      <c r="C167" s="2"/>
      <c r="D167" s="2"/>
      <c r="E167" s="2"/>
    </row>
    <row r="168" spans="2:5" ht="20.100000000000001" customHeight="1" x14ac:dyDescent="0.2"/>
    <row r="169" spans="2:5" ht="4.5" customHeight="1" x14ac:dyDescent="0.2"/>
    <row r="170" spans="2:5" ht="20.100000000000001" customHeight="1" x14ac:dyDescent="0.2"/>
    <row r="171" spans="2:5" ht="20.100000000000001" customHeight="1" x14ac:dyDescent="0.2"/>
    <row r="172" spans="2:5" ht="20.100000000000001" customHeight="1" x14ac:dyDescent="0.2"/>
  </sheetData>
  <mergeCells count="137">
    <mergeCell ref="E124:F124"/>
    <mergeCell ref="E125:F125"/>
    <mergeCell ref="E126:F126"/>
    <mergeCell ref="E127:F127"/>
    <mergeCell ref="E92:F92"/>
    <mergeCell ref="E109:F109"/>
    <mergeCell ref="E110:F110"/>
    <mergeCell ref="E111:F111"/>
    <mergeCell ref="E112:F112"/>
    <mergeCell ref="E117:F117"/>
    <mergeCell ref="E118:F118"/>
    <mergeCell ref="E119:F119"/>
    <mergeCell ref="E120:F120"/>
    <mergeCell ref="E113:F113"/>
    <mergeCell ref="E114:F114"/>
    <mergeCell ref="E115:F115"/>
    <mergeCell ref="E116:F116"/>
    <mergeCell ref="E96:F96"/>
    <mergeCell ref="E97:F97"/>
    <mergeCell ref="E98:F98"/>
    <mergeCell ref="E99:F99"/>
    <mergeCell ref="E100:F100"/>
    <mergeCell ref="E101:F101"/>
    <mergeCell ref="E91:F91"/>
    <mergeCell ref="E138:F138"/>
    <mergeCell ref="B133:F133"/>
    <mergeCell ref="B135:C136"/>
    <mergeCell ref="D135:F135"/>
    <mergeCell ref="E136:F136"/>
    <mergeCell ref="B2:F2"/>
    <mergeCell ref="B1:F1"/>
    <mergeCell ref="B23:C23"/>
    <mergeCell ref="B26:C26"/>
    <mergeCell ref="E137:F137"/>
    <mergeCell ref="E94:F94"/>
    <mergeCell ref="E95:F95"/>
    <mergeCell ref="E104:F104"/>
    <mergeCell ref="E105:F105"/>
    <mergeCell ref="E106:F106"/>
    <mergeCell ref="E107:F107"/>
    <mergeCell ref="E108:F108"/>
    <mergeCell ref="E93:F93"/>
    <mergeCell ref="B87:F87"/>
    <mergeCell ref="B89:C90"/>
    <mergeCell ref="D89:F89"/>
    <mergeCell ref="E90:F90"/>
    <mergeCell ref="E102:F102"/>
    <mergeCell ref="E103:F103"/>
    <mergeCell ref="B21:F21"/>
    <mergeCell ref="B16:D16"/>
    <mergeCell ref="E153:F153"/>
    <mergeCell ref="E155:F155"/>
    <mergeCell ref="E156:F156"/>
    <mergeCell ref="B150:F150"/>
    <mergeCell ref="B140:F140"/>
    <mergeCell ref="C141:F141"/>
    <mergeCell ref="C142:F142"/>
    <mergeCell ref="B143:E143"/>
    <mergeCell ref="B149:F149"/>
    <mergeCell ref="C144:D144"/>
    <mergeCell ref="C145:D145"/>
    <mergeCell ref="C146:D146"/>
    <mergeCell ref="C147:D147"/>
    <mergeCell ref="E84:F84"/>
    <mergeCell ref="E85:F85"/>
    <mergeCell ref="E65:F65"/>
    <mergeCell ref="E66:F66"/>
    <mergeCell ref="E69:F69"/>
    <mergeCell ref="E70:F70"/>
    <mergeCell ref="E59:F59"/>
    <mergeCell ref="B19:F19"/>
    <mergeCell ref="B20:D20"/>
    <mergeCell ref="E61:F61"/>
    <mergeCell ref="E63:F63"/>
    <mergeCell ref="E64:F64"/>
    <mergeCell ref="D36:F36"/>
    <mergeCell ref="E37:F37"/>
    <mergeCell ref="E80:F80"/>
    <mergeCell ref="E71:F71"/>
    <mergeCell ref="E72:F72"/>
    <mergeCell ref="E77:F77"/>
    <mergeCell ref="E73:F73"/>
    <mergeCell ref="E74:F74"/>
    <mergeCell ref="E75:F75"/>
    <mergeCell ref="E40:F40"/>
    <mergeCell ref="B38:F38"/>
    <mergeCell ref="E39:F39"/>
    <mergeCell ref="E62:F62"/>
    <mergeCell ref="E68:F68"/>
    <mergeCell ref="E82:F82"/>
    <mergeCell ref="E83:F83"/>
    <mergeCell ref="E67:F67"/>
    <mergeCell ref="E76:F76"/>
    <mergeCell ref="E78:F78"/>
    <mergeCell ref="E79:F79"/>
    <mergeCell ref="B3:F3"/>
    <mergeCell ref="B7:F7"/>
    <mergeCell ref="B8:F8"/>
    <mergeCell ref="B9:F9"/>
    <mergeCell ref="B11:F11"/>
    <mergeCell ref="B12:D12"/>
    <mergeCell ref="B22:F22"/>
    <mergeCell ref="C27:D27"/>
    <mergeCell ref="B30:C30"/>
    <mergeCell ref="C28:D28"/>
    <mergeCell ref="B34:F34"/>
    <mergeCell ref="B36:C37"/>
    <mergeCell ref="B13:D13"/>
    <mergeCell ref="E41:F41"/>
    <mergeCell ref="E42:F42"/>
    <mergeCell ref="B17:D17"/>
    <mergeCell ref="B18:F18"/>
    <mergeCell ref="E60:F60"/>
    <mergeCell ref="E121:F121"/>
    <mergeCell ref="E122:F122"/>
    <mergeCell ref="E123:F123"/>
    <mergeCell ref="E128:F128"/>
    <mergeCell ref="E129:F129"/>
    <mergeCell ref="E130:F130"/>
    <mergeCell ref="E131:F131"/>
    <mergeCell ref="E43:F43"/>
    <mergeCell ref="E44:F44"/>
    <mergeCell ref="E45:F45"/>
    <mergeCell ref="E46:F46"/>
    <mergeCell ref="E47:F47"/>
    <mergeCell ref="E48:F48"/>
    <mergeCell ref="E49:F49"/>
    <mergeCell ref="E50:F50"/>
    <mergeCell ref="E51:F51"/>
    <mergeCell ref="E52:F52"/>
    <mergeCell ref="E53:F53"/>
    <mergeCell ref="E54:F54"/>
    <mergeCell ref="E55:F55"/>
    <mergeCell ref="E56:F56"/>
    <mergeCell ref="E57:F57"/>
    <mergeCell ref="E58:F58"/>
    <mergeCell ref="E81:F81"/>
  </mergeCells>
  <conditionalFormatting sqref="C4:C5">
    <cfRule type="containsBlanks" dxfId="7" priority="94">
      <formula>LEN(TRIM(C4))=0</formula>
    </cfRule>
  </conditionalFormatting>
  <conditionalFormatting sqref="C153">
    <cfRule type="containsBlanks" dxfId="6" priority="96">
      <formula>LEN(TRIM(C153))=0</formula>
    </cfRule>
  </conditionalFormatting>
  <conditionalFormatting sqref="C155">
    <cfRule type="containsBlanks" dxfId="5" priority="95">
      <formula>LEN(TRIM(C155))=0</formula>
    </cfRule>
  </conditionalFormatting>
  <conditionalFormatting sqref="C144:D147">
    <cfRule type="containsBlanks" dxfId="4" priority="33">
      <formula>LEN(TRIM(C144))=0</formula>
    </cfRule>
  </conditionalFormatting>
  <conditionalFormatting sqref="D39:D85">
    <cfRule type="containsBlanks" dxfId="3" priority="3">
      <formula>LEN(TRIM(D39))=0</formula>
    </cfRule>
  </conditionalFormatting>
  <conditionalFormatting sqref="D91:D131">
    <cfRule type="containsBlanks" dxfId="2" priority="1">
      <formula>LEN(TRIM(D91))=0</formula>
    </cfRule>
  </conditionalFormatting>
  <conditionalFormatting sqref="D137:D138">
    <cfRule type="containsBlanks" dxfId="1" priority="26">
      <formula>LEN(TRIM(D137))=0</formula>
    </cfRule>
  </conditionalFormatting>
  <conditionalFormatting sqref="E155:F156">
    <cfRule type="containsBlanks" dxfId="0" priority="97">
      <formula>LEN(TRIM(E155))=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49" min="1" max="5" man="1"/>
    <brk id="85" min="1" max="5" man="1"/>
    <brk id="124" min="1" max="5" man="1"/>
    <brk id="132"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4-10-07T11:15:27Z</cp:lastPrinted>
  <dcterms:created xsi:type="dcterms:W3CDTF">2017-04-21T05:51:15Z</dcterms:created>
  <dcterms:modified xsi:type="dcterms:W3CDTF">2024-10-07T11:15:38Z</dcterms:modified>
</cp:coreProperties>
</file>